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1_衆院選\03_国民審査\02_開票結果\9999\"/>
    </mc:Choice>
  </mc:AlternateContent>
  <xr:revisionPtr revIDLastSave="0" documentId="8_{3FC09347-DF55-460D-B994-F9FE668C8071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内訳" sheetId="4" r:id="rId1"/>
  </sheets>
  <definedNames>
    <definedName name="_xlnm.Print_Area" localSheetId="0">内訳!$A$1:$J$220</definedName>
    <definedName name="_xlnm.Print_Titles" localSheetId="0">内訳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6" uniqueCount="87">
  <si>
    <t>神奈川県選挙管理委員会</t>
  </si>
  <si>
    <t>罷免不可</t>
  </si>
  <si>
    <t>記載無効</t>
  </si>
  <si>
    <t>罷免を可</t>
    <phoneticPr fontId="2"/>
  </si>
  <si>
    <t>記載無効</t>
    <phoneticPr fontId="2"/>
  </si>
  <si>
    <t>裁判官氏名</t>
    <phoneticPr fontId="2"/>
  </si>
  <si>
    <t>投　　票　　区　　分</t>
    <phoneticPr fontId="2"/>
  </si>
  <si>
    <t>開　　票　　区　　名</t>
    <phoneticPr fontId="2"/>
  </si>
  <si>
    <t>高須　順一</t>
    <phoneticPr fontId="2"/>
  </si>
  <si>
    <t>沖野　眞已</t>
    <phoneticPr fontId="2"/>
  </si>
  <si>
    <t>令和8年2月8日 施行</t>
    <phoneticPr fontId="2"/>
  </si>
  <si>
    <t>最高裁判所裁判官国民審査　開票結果（内訳）</t>
    <phoneticPr fontId="2"/>
  </si>
  <si>
    <t>横浜市</t>
    <phoneticPr fontId="2"/>
  </si>
  <si>
    <t>277763</t>
  </si>
  <si>
    <t>1393454</t>
  </si>
  <si>
    <t>270314</t>
  </si>
  <si>
    <t>1400903</t>
  </si>
  <si>
    <t>横浜市鶴見区</t>
    <phoneticPr fontId="2"/>
  </si>
  <si>
    <t>横浜市神奈川区</t>
    <phoneticPr fontId="2"/>
  </si>
  <si>
    <t>横浜市西区</t>
    <phoneticPr fontId="2"/>
  </si>
  <si>
    <t>横浜市中区</t>
    <phoneticPr fontId="2"/>
  </si>
  <si>
    <t>横浜市南区</t>
    <phoneticPr fontId="2"/>
  </si>
  <si>
    <t>横浜市保土ケ谷区</t>
    <phoneticPr fontId="2"/>
  </si>
  <si>
    <t>横浜市磯子区</t>
    <phoneticPr fontId="2"/>
  </si>
  <si>
    <t>横浜市金沢区</t>
    <phoneticPr fontId="2"/>
  </si>
  <si>
    <t>横浜市港北区</t>
    <phoneticPr fontId="2"/>
  </si>
  <si>
    <t>横浜市戸塚区</t>
    <phoneticPr fontId="2"/>
  </si>
  <si>
    <t>横浜市港南区</t>
    <phoneticPr fontId="2"/>
  </si>
  <si>
    <t>横浜市旭区</t>
    <phoneticPr fontId="2"/>
  </si>
  <si>
    <t>横浜市緑区</t>
    <phoneticPr fontId="2"/>
  </si>
  <si>
    <t>横浜市瀬谷区</t>
    <phoneticPr fontId="2"/>
  </si>
  <si>
    <t>横浜市栄区</t>
    <phoneticPr fontId="2"/>
  </si>
  <si>
    <t>横浜市泉区</t>
    <phoneticPr fontId="2"/>
  </si>
  <si>
    <t>横浜市青葉区</t>
    <phoneticPr fontId="2"/>
  </si>
  <si>
    <t>横浜市都筑区</t>
    <phoneticPr fontId="2"/>
  </si>
  <si>
    <t>川崎市</t>
    <phoneticPr fontId="2"/>
  </si>
  <si>
    <t>川崎市川崎区</t>
    <phoneticPr fontId="2"/>
  </si>
  <si>
    <t>川崎市幸区</t>
    <phoneticPr fontId="2"/>
  </si>
  <si>
    <t>川崎市中原区</t>
    <phoneticPr fontId="2"/>
  </si>
  <si>
    <t>川崎市高津区</t>
    <phoneticPr fontId="2"/>
  </si>
  <si>
    <t>川崎市多摩区</t>
    <phoneticPr fontId="2"/>
  </si>
  <si>
    <t>川崎市宮前区</t>
    <phoneticPr fontId="2"/>
  </si>
  <si>
    <t>川崎市麻生区</t>
    <phoneticPr fontId="2"/>
  </si>
  <si>
    <t>相模原市</t>
    <phoneticPr fontId="2"/>
  </si>
  <si>
    <t>相模原市緑区</t>
    <phoneticPr fontId="2"/>
  </si>
  <si>
    <t>相模原市中央区</t>
    <phoneticPr fontId="2"/>
  </si>
  <si>
    <t>相模原市南区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ケ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三浦郡</t>
    <phoneticPr fontId="2"/>
  </si>
  <si>
    <t>葉山町</t>
    <phoneticPr fontId="2"/>
  </si>
  <si>
    <t>高座郡</t>
    <phoneticPr fontId="2"/>
  </si>
  <si>
    <t>寒川町</t>
    <phoneticPr fontId="2"/>
  </si>
  <si>
    <t>中郡</t>
    <phoneticPr fontId="2"/>
  </si>
  <si>
    <t>大磯町</t>
    <phoneticPr fontId="2"/>
  </si>
  <si>
    <t>二宮町</t>
    <phoneticPr fontId="2"/>
  </si>
  <si>
    <t>足柄上郡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足柄下郡</t>
    <phoneticPr fontId="2"/>
  </si>
  <si>
    <t>箱根町</t>
    <phoneticPr fontId="2"/>
  </si>
  <si>
    <t>真鶴町</t>
    <phoneticPr fontId="2"/>
  </si>
  <si>
    <t>湯河原町</t>
    <phoneticPr fontId="2"/>
  </si>
  <si>
    <t>愛甲郡</t>
    <phoneticPr fontId="2"/>
  </si>
  <si>
    <t>愛川町</t>
    <phoneticPr fontId="2"/>
  </si>
  <si>
    <t>清川村</t>
    <phoneticPr fontId="2"/>
  </si>
  <si>
    <t>指定都市計</t>
    <phoneticPr fontId="2"/>
  </si>
  <si>
    <t>その他の市計</t>
    <phoneticPr fontId="2"/>
  </si>
  <si>
    <t>町村計</t>
    <phoneticPr fontId="2"/>
  </si>
  <si>
    <t>県計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\-#,##0;&quot;&quot;"/>
  </numFmts>
  <fonts count="22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IPAmj明朝"/>
      <family val="1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47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5" fillId="2" borderId="0">
      <alignment vertical="center"/>
    </xf>
    <xf numFmtId="0" fontId="5" fillId="3" borderId="0">
      <alignment vertical="center"/>
    </xf>
    <xf numFmtId="0" fontId="5" fillId="4" borderId="0">
      <alignment vertical="center"/>
    </xf>
    <xf numFmtId="0" fontId="5" fillId="5" borderId="0">
      <alignment vertical="center"/>
    </xf>
    <xf numFmtId="0" fontId="5" fillId="6" borderId="0">
      <alignment vertical="center"/>
    </xf>
    <xf numFmtId="0" fontId="5" fillId="7" borderId="0">
      <alignment vertical="center"/>
    </xf>
    <xf numFmtId="0" fontId="5" fillId="8" borderId="0">
      <alignment vertical="center"/>
    </xf>
    <xf numFmtId="0" fontId="5" fillId="9" borderId="0">
      <alignment vertical="center"/>
    </xf>
    <xf numFmtId="0" fontId="5" fillId="10" borderId="0">
      <alignment vertical="center"/>
    </xf>
    <xf numFmtId="0" fontId="5" fillId="11" borderId="0">
      <alignment vertical="center"/>
    </xf>
    <xf numFmtId="0" fontId="5" fillId="12" borderId="0">
      <alignment vertical="center"/>
    </xf>
    <xf numFmtId="0" fontId="5" fillId="13" borderId="0">
      <alignment vertical="center"/>
    </xf>
    <xf numFmtId="0" fontId="6" fillId="14" borderId="0">
      <alignment vertical="center"/>
    </xf>
    <xf numFmtId="0" fontId="6" fillId="15" borderId="0">
      <alignment vertical="center"/>
    </xf>
    <xf numFmtId="0" fontId="6" fillId="16" borderId="0">
      <alignment vertical="center"/>
    </xf>
    <xf numFmtId="0" fontId="6" fillId="17" borderId="0">
      <alignment vertical="center"/>
    </xf>
    <xf numFmtId="0" fontId="6" fillId="18" borderId="0">
      <alignment vertical="center"/>
    </xf>
    <xf numFmtId="0" fontId="6" fillId="19" borderId="0">
      <alignment vertical="center"/>
    </xf>
    <xf numFmtId="0" fontId="6" fillId="20" borderId="0">
      <alignment vertical="center"/>
    </xf>
    <xf numFmtId="0" fontId="6" fillId="21" borderId="0">
      <alignment vertical="center"/>
    </xf>
    <xf numFmtId="0" fontId="6" fillId="22" borderId="0">
      <alignment vertical="center"/>
    </xf>
    <xf numFmtId="0" fontId="6" fillId="23" borderId="0">
      <alignment vertical="center"/>
    </xf>
    <xf numFmtId="0" fontId="6" fillId="24" borderId="0">
      <alignment vertical="center"/>
    </xf>
    <xf numFmtId="0" fontId="6" fillId="25" borderId="0">
      <alignment vertical="center"/>
    </xf>
    <xf numFmtId="0" fontId="7" fillId="0" borderId="0">
      <alignment vertical="center"/>
    </xf>
    <xf numFmtId="0" fontId="8" fillId="26" borderId="1">
      <alignment vertical="center"/>
    </xf>
    <xf numFmtId="0" fontId="9" fillId="27" borderId="0">
      <alignment vertical="center"/>
    </xf>
    <xf numFmtId="0" fontId="5" fillId="28" borderId="2">
      <alignment vertical="center"/>
    </xf>
    <xf numFmtId="0" fontId="10" fillId="0" borderId="3">
      <alignment vertical="center"/>
    </xf>
    <xf numFmtId="0" fontId="11" fillId="29" borderId="0">
      <alignment vertical="center"/>
    </xf>
    <xf numFmtId="0" fontId="12" fillId="30" borderId="4">
      <alignment vertical="center"/>
    </xf>
    <xf numFmtId="0" fontId="13" fillId="0" borderId="0">
      <alignment vertical="center"/>
    </xf>
    <xf numFmtId="0" fontId="14" fillId="0" borderId="5">
      <alignment vertical="center"/>
    </xf>
    <xf numFmtId="0" fontId="15" fillId="0" borderId="6">
      <alignment vertical="center"/>
    </xf>
    <xf numFmtId="0" fontId="16" fillId="0" borderId="7">
      <alignment vertical="center"/>
    </xf>
    <xf numFmtId="0" fontId="16" fillId="0" borderId="0">
      <alignment vertical="center"/>
    </xf>
    <xf numFmtId="0" fontId="17" fillId="0" borderId="8">
      <alignment vertical="center"/>
    </xf>
    <xf numFmtId="0" fontId="18" fillId="30" borderId="9">
      <alignment vertical="center"/>
    </xf>
    <xf numFmtId="0" fontId="19" fillId="0" borderId="0">
      <alignment vertical="center"/>
    </xf>
    <xf numFmtId="0" fontId="20" fillId="31" borderId="4">
      <alignment vertical="center"/>
    </xf>
    <xf numFmtId="0" fontId="1" fillId="0" borderId="0"/>
    <xf numFmtId="0" fontId="5" fillId="0" borderId="0">
      <alignment vertical="center"/>
    </xf>
  </cellStyleXfs>
  <cellXfs count="65">
    <xf numFmtId="0" fontId="0" fillId="0" borderId="0" xfId="0">
      <alignment vertical="center"/>
    </xf>
    <xf numFmtId="49" fontId="4" fillId="0" borderId="0" xfId="41" applyNumberFormat="1" applyFont="1" applyAlignment="1">
      <alignment vertical="center"/>
    </xf>
    <xf numFmtId="49" fontId="2" fillId="0" borderId="0" xfId="41" applyNumberFormat="1" applyFont="1" applyAlignment="1">
      <alignment vertical="center"/>
    </xf>
    <xf numFmtId="49" fontId="4" fillId="0" borderId="0" xfId="41" quotePrefix="1" applyNumberFormat="1" applyFont="1" applyAlignment="1">
      <alignment horizontal="left" vertical="center"/>
    </xf>
    <xf numFmtId="49" fontId="21" fillId="0" borderId="12" xfId="0" applyNumberFormat="1" applyFont="1" applyBorder="1">
      <alignment vertical="center"/>
    </xf>
    <xf numFmtId="176" fontId="21" fillId="0" borderId="13" xfId="0" applyNumberFormat="1" applyFont="1" applyBorder="1" applyAlignment="1">
      <alignment horizontal="right" vertical="center"/>
    </xf>
    <xf numFmtId="176" fontId="21" fillId="0" borderId="14" xfId="0" applyNumberFormat="1" applyFont="1" applyBorder="1" applyAlignment="1">
      <alignment horizontal="right" vertical="center"/>
    </xf>
    <xf numFmtId="49" fontId="21" fillId="0" borderId="15" xfId="0" applyNumberFormat="1" applyFont="1" applyBorder="1">
      <alignment vertical="center"/>
    </xf>
    <xf numFmtId="49" fontId="4" fillId="0" borderId="0" xfId="41" applyNumberFormat="1" applyFont="1" applyAlignment="1">
      <alignment horizontal="left" vertical="center" shrinkToFit="1"/>
    </xf>
    <xf numFmtId="49" fontId="21" fillId="0" borderId="23" xfId="0" applyNumberFormat="1" applyFont="1" applyBorder="1">
      <alignment vertical="center"/>
    </xf>
    <xf numFmtId="49" fontId="21" fillId="0" borderId="23" xfId="0" applyNumberFormat="1" applyFont="1" applyBorder="1" applyAlignment="1">
      <alignment horizontal="center" vertical="center"/>
    </xf>
    <xf numFmtId="49" fontId="4" fillId="0" borderId="30" xfId="41" applyNumberFormat="1" applyFont="1" applyBorder="1" applyAlignment="1">
      <alignment vertical="center"/>
    </xf>
    <xf numFmtId="49" fontId="21" fillId="0" borderId="27" xfId="0" applyNumberFormat="1" applyFont="1" applyBorder="1">
      <alignment vertical="center"/>
    </xf>
    <xf numFmtId="49" fontId="21" fillId="0" borderId="27" xfId="0" applyNumberFormat="1" applyFont="1" applyBorder="1" applyAlignment="1">
      <alignment horizontal="center" vertical="center"/>
    </xf>
    <xf numFmtId="176" fontId="21" fillId="0" borderId="32" xfId="0" applyNumberFormat="1" applyFont="1" applyBorder="1" applyAlignment="1">
      <alignment horizontal="right" vertical="center"/>
    </xf>
    <xf numFmtId="176" fontId="21" fillId="0" borderId="37" xfId="0" applyNumberFormat="1" applyFont="1" applyBorder="1" applyAlignment="1">
      <alignment horizontal="right" vertical="center"/>
    </xf>
    <xf numFmtId="49" fontId="2" fillId="0" borderId="31" xfId="41" applyNumberFormat="1" applyFont="1" applyBorder="1" applyAlignment="1">
      <alignment vertical="center"/>
    </xf>
    <xf numFmtId="49" fontId="4" fillId="0" borderId="37" xfId="41" applyNumberFormat="1" applyFont="1" applyBorder="1" applyAlignment="1">
      <alignment horizontal="distributed" vertical="center"/>
    </xf>
    <xf numFmtId="49" fontId="21" fillId="0" borderId="37" xfId="0" applyNumberFormat="1" applyFont="1" applyBorder="1" applyAlignment="1">
      <alignment horizontal="distributed" vertical="center"/>
    </xf>
    <xf numFmtId="176" fontId="21" fillId="0" borderId="41" xfId="0" applyNumberFormat="1" applyFont="1" applyBorder="1" applyAlignment="1">
      <alignment horizontal="right" vertical="center"/>
    </xf>
    <xf numFmtId="176" fontId="21" fillId="0" borderId="42" xfId="0" applyNumberFormat="1" applyFont="1" applyBorder="1" applyAlignment="1">
      <alignment horizontal="right" vertical="center"/>
    </xf>
    <xf numFmtId="49" fontId="4" fillId="0" borderId="40" xfId="41" applyNumberFormat="1" applyFont="1" applyBorder="1" applyAlignment="1">
      <alignment vertical="distributed"/>
    </xf>
    <xf numFmtId="49" fontId="4" fillId="0" borderId="43" xfId="41" applyNumberFormat="1" applyFont="1" applyBorder="1" applyAlignment="1">
      <alignment horizontal="right" vertical="center"/>
    </xf>
    <xf numFmtId="49" fontId="21" fillId="0" borderId="13" xfId="0" applyNumberFormat="1" applyFont="1" applyBorder="1" applyAlignment="1">
      <alignment horizontal="distributed" vertical="center"/>
    </xf>
    <xf numFmtId="49" fontId="21" fillId="0" borderId="16" xfId="0" applyNumberFormat="1" applyFont="1" applyBorder="1" applyAlignment="1">
      <alignment horizontal="distributed" vertical="center"/>
    </xf>
    <xf numFmtId="176" fontId="21" fillId="0" borderId="16" xfId="0" applyNumberFormat="1" applyFont="1" applyBorder="1" applyAlignment="1">
      <alignment horizontal="right" vertical="center"/>
    </xf>
    <xf numFmtId="176" fontId="21" fillId="0" borderId="44" xfId="0" applyNumberFormat="1" applyFont="1" applyBorder="1" applyAlignment="1">
      <alignment horizontal="right" vertical="center"/>
    </xf>
    <xf numFmtId="49" fontId="21" fillId="0" borderId="46" xfId="0" applyNumberFormat="1" applyFont="1" applyBorder="1" applyAlignment="1">
      <alignment horizontal="distributed" vertical="center"/>
    </xf>
    <xf numFmtId="176" fontId="21" fillId="0" borderId="46" xfId="0" applyNumberFormat="1" applyFont="1" applyBorder="1" applyAlignment="1">
      <alignment horizontal="right" vertical="center"/>
    </xf>
    <xf numFmtId="176" fontId="21" fillId="0" borderId="45" xfId="0" applyNumberFormat="1" applyFont="1" applyBorder="1" applyAlignment="1">
      <alignment horizontal="right" vertical="center"/>
    </xf>
    <xf numFmtId="49" fontId="4" fillId="0" borderId="35" xfId="41" applyNumberFormat="1" applyFont="1" applyBorder="1" applyAlignment="1">
      <alignment horizontal="right" vertical="center"/>
    </xf>
    <xf numFmtId="49" fontId="4" fillId="0" borderId="24" xfId="41" applyNumberFormat="1" applyFont="1" applyBorder="1" applyAlignment="1">
      <alignment horizontal="right" vertical="center"/>
    </xf>
    <xf numFmtId="49" fontId="4" fillId="0" borderId="36" xfId="41" applyNumberFormat="1" applyFont="1" applyBorder="1" applyAlignment="1">
      <alignment horizontal="right" vertical="center"/>
    </xf>
    <xf numFmtId="49" fontId="4" fillId="0" borderId="0" xfId="41" applyNumberFormat="1" applyFont="1" applyAlignment="1">
      <alignment horizontal="right" vertical="center"/>
    </xf>
    <xf numFmtId="49" fontId="4" fillId="0" borderId="25" xfId="41" applyNumberFormat="1" applyFont="1" applyBorder="1" applyAlignment="1">
      <alignment horizontal="right" vertical="center"/>
    </xf>
    <xf numFmtId="49" fontId="4" fillId="0" borderId="41" xfId="41" applyNumberFormat="1" applyFont="1" applyBorder="1" applyAlignment="1">
      <alignment horizontal="right" vertical="center"/>
    </xf>
    <xf numFmtId="49" fontId="4" fillId="0" borderId="37" xfId="41" applyNumberFormat="1" applyFont="1" applyBorder="1" applyAlignment="1">
      <alignment horizontal="right" vertical="center"/>
    </xf>
    <xf numFmtId="49" fontId="4" fillId="0" borderId="42" xfId="41" applyNumberFormat="1" applyFont="1" applyBorder="1" applyAlignment="1">
      <alignment horizontal="right" vertical="center"/>
    </xf>
    <xf numFmtId="49" fontId="3" fillId="0" borderId="0" xfId="41" applyNumberFormat="1" applyFont="1" applyAlignment="1">
      <alignment horizontal="left" vertical="center"/>
    </xf>
    <xf numFmtId="49" fontId="21" fillId="0" borderId="26" xfId="0" applyNumberFormat="1" applyFont="1" applyBorder="1" applyAlignment="1">
      <alignment horizontal="center" vertical="center"/>
    </xf>
    <xf numFmtId="49" fontId="21" fillId="0" borderId="0" xfId="0" applyNumberFormat="1" applyFont="1" applyAlignment="1">
      <alignment horizontal="center" vertical="center"/>
    </xf>
    <xf numFmtId="49" fontId="21" fillId="0" borderId="22" xfId="0" applyNumberFormat="1" applyFont="1" applyBorder="1" applyAlignment="1">
      <alignment horizontal="center" vertical="center"/>
    </xf>
    <xf numFmtId="49" fontId="21" fillId="0" borderId="21" xfId="0" applyNumberFormat="1" applyFont="1" applyBorder="1" applyAlignment="1">
      <alignment horizontal="center" vertical="center"/>
    </xf>
    <xf numFmtId="49" fontId="21" fillId="0" borderId="28" xfId="0" applyNumberFormat="1" applyFont="1" applyBorder="1" applyAlignment="1">
      <alignment horizontal="center" vertical="center"/>
    </xf>
    <xf numFmtId="49" fontId="21" fillId="0" borderId="29" xfId="0" applyNumberFormat="1" applyFont="1" applyBorder="1" applyAlignment="1">
      <alignment horizontal="center" vertical="center"/>
    </xf>
    <xf numFmtId="49" fontId="21" fillId="0" borderId="23" xfId="0" applyNumberFormat="1" applyFont="1" applyBorder="1" applyAlignment="1">
      <alignment horizontal="center" vertical="center"/>
    </xf>
    <xf numFmtId="49" fontId="21" fillId="0" borderId="12" xfId="0" applyNumberFormat="1" applyFont="1" applyBorder="1" applyAlignment="1">
      <alignment horizontal="center" vertical="center"/>
    </xf>
    <xf numFmtId="49" fontId="21" fillId="0" borderId="27" xfId="0" applyNumberFormat="1" applyFont="1" applyBorder="1" applyAlignment="1">
      <alignment horizontal="center" vertical="center"/>
    </xf>
    <xf numFmtId="49" fontId="21" fillId="0" borderId="19" xfId="0" applyNumberFormat="1" applyFont="1" applyBorder="1" applyAlignment="1">
      <alignment horizontal="center" vertical="center"/>
    </xf>
    <xf numFmtId="49" fontId="21" fillId="0" borderId="11" xfId="0" applyNumberFormat="1" applyFont="1" applyBorder="1" applyAlignment="1">
      <alignment horizontal="center" vertical="center"/>
    </xf>
    <xf numFmtId="49" fontId="21" fillId="0" borderId="26" xfId="0" applyNumberFormat="1" applyFont="1" applyBorder="1" applyAlignment="1">
      <alignment horizontal="center" vertical="distributed"/>
    </xf>
    <xf numFmtId="49" fontId="21" fillId="0" borderId="0" xfId="0" applyNumberFormat="1" applyFont="1" applyAlignment="1">
      <alignment horizontal="center" vertical="distributed"/>
    </xf>
    <xf numFmtId="49" fontId="21" fillId="0" borderId="22" xfId="0" applyNumberFormat="1" applyFont="1" applyBorder="1" applyAlignment="1">
      <alignment horizontal="center" vertical="distributed"/>
    </xf>
    <xf numFmtId="49" fontId="4" fillId="0" borderId="11" xfId="41" applyNumberFormat="1" applyFont="1" applyBorder="1" applyAlignment="1">
      <alignment horizontal="left" vertical="center" shrinkToFit="1"/>
    </xf>
    <xf numFmtId="49" fontId="4" fillId="0" borderId="0" xfId="41" applyNumberFormat="1" applyFont="1" applyAlignment="1">
      <alignment horizontal="center" vertical="center"/>
    </xf>
    <xf numFmtId="49" fontId="4" fillId="0" borderId="10" xfId="41" applyNumberFormat="1" applyFont="1" applyBorder="1" applyAlignment="1">
      <alignment horizontal="center" vertical="center"/>
    </xf>
    <xf numFmtId="49" fontId="4" fillId="0" borderId="20" xfId="41" applyNumberFormat="1" applyFont="1" applyBorder="1" applyAlignment="1">
      <alignment horizontal="center" vertical="center"/>
    </xf>
    <xf numFmtId="49" fontId="4" fillId="0" borderId="15" xfId="41" applyNumberFormat="1" applyFont="1" applyBorder="1" applyAlignment="1">
      <alignment horizontal="center" vertical="center"/>
    </xf>
    <xf numFmtId="49" fontId="4" fillId="0" borderId="21" xfId="41" applyNumberFormat="1" applyFont="1" applyBorder="1" applyAlignment="1">
      <alignment horizontal="center" vertical="center"/>
    </xf>
    <xf numFmtId="49" fontId="4" fillId="0" borderId="38" xfId="41" applyNumberFormat="1" applyFont="1" applyBorder="1" applyAlignment="1">
      <alignment horizontal="center" vertical="center"/>
    </xf>
    <xf numFmtId="49" fontId="4" fillId="0" borderId="17" xfId="41" applyNumberFormat="1" applyFont="1" applyBorder="1" applyAlignment="1">
      <alignment horizontal="center" vertical="center"/>
    </xf>
    <xf numFmtId="49" fontId="4" fillId="0" borderId="33" xfId="41" applyNumberFormat="1" applyFont="1" applyBorder="1" applyAlignment="1">
      <alignment horizontal="center" vertical="center"/>
    </xf>
    <xf numFmtId="49" fontId="4" fillId="0" borderId="34" xfId="41" applyNumberFormat="1" applyFont="1" applyBorder="1" applyAlignment="1">
      <alignment horizontal="center" vertical="center"/>
    </xf>
    <xf numFmtId="49" fontId="4" fillId="0" borderId="39" xfId="41" applyNumberFormat="1" applyFont="1" applyBorder="1" applyAlignment="1">
      <alignment horizontal="center" vertical="center"/>
    </xf>
    <xf numFmtId="49" fontId="4" fillId="0" borderId="18" xfId="41" applyNumberFormat="1" applyFont="1" applyBorder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pageSetUpPr fitToPage="1"/>
  </sheetPr>
  <dimension ref="A1:I238"/>
  <sheetViews>
    <sheetView tabSelected="1" view="pageBreakPreview" zoomScaleNormal="100" zoomScaleSheetLayoutView="100" workbookViewId="0"/>
  </sheetViews>
  <sheetFormatPr defaultColWidth="9" defaultRowHeight="14.4" x14ac:dyDescent="0.2"/>
  <cols>
    <col min="1" max="1" width="2.6640625" style="2" customWidth="1"/>
    <col min="2" max="3" width="18.6640625" style="2" customWidth="1"/>
    <col min="4" max="9" width="18.77734375" style="2" customWidth="1"/>
    <col min="10" max="10" width="0.33203125" style="2" customWidth="1"/>
    <col min="11" max="16384" width="9" style="2"/>
  </cols>
  <sheetData>
    <row r="1" spans="1:9" ht="15" customHeight="1" x14ac:dyDescent="0.2">
      <c r="A1" s="1"/>
      <c r="B1" s="1"/>
      <c r="C1" s="1"/>
      <c r="D1" s="1"/>
      <c r="E1" s="1"/>
      <c r="F1" s="1"/>
      <c r="G1" s="1"/>
      <c r="H1" s="1"/>
      <c r="I1" s="1"/>
    </row>
    <row r="2" spans="1:9" ht="18.75" customHeight="1" x14ac:dyDescent="0.2">
      <c r="A2" s="3" t="s">
        <v>10</v>
      </c>
      <c r="B2" s="3"/>
      <c r="C2" s="3"/>
      <c r="D2" s="1"/>
      <c r="E2" s="38" t="s">
        <v>11</v>
      </c>
      <c r="F2" s="38"/>
      <c r="G2" s="38"/>
      <c r="H2" s="38"/>
      <c r="I2" s="38"/>
    </row>
    <row r="3" spans="1:9" ht="15" customHeight="1" x14ac:dyDescent="0.2">
      <c r="A3" s="1"/>
      <c r="B3" s="1"/>
      <c r="C3" s="1"/>
      <c r="D3" s="1"/>
      <c r="E3" s="1"/>
      <c r="F3" s="1"/>
      <c r="G3" s="1"/>
      <c r="H3" s="54"/>
      <c r="I3" s="54"/>
    </row>
    <row r="4" spans="1:9" ht="15" customHeight="1" thickBot="1" x14ac:dyDescent="0.25">
      <c r="A4" s="53" t="s">
        <v>0</v>
      </c>
      <c r="B4" s="53"/>
      <c r="C4" s="8"/>
      <c r="D4" s="1"/>
      <c r="E4" s="1"/>
      <c r="F4" s="1"/>
      <c r="G4" s="1"/>
      <c r="H4" s="1"/>
      <c r="I4" s="1"/>
    </row>
    <row r="5" spans="1:9" ht="15.75" customHeight="1" x14ac:dyDescent="0.2">
      <c r="A5" s="55" t="s">
        <v>5</v>
      </c>
      <c r="B5" s="56"/>
      <c r="C5" s="56"/>
      <c r="D5" s="59" t="s">
        <v>8</v>
      </c>
      <c r="E5" s="61" t="s">
        <v>9</v>
      </c>
      <c r="F5" s="61"/>
      <c r="G5" s="59"/>
      <c r="H5" s="56"/>
      <c r="I5" s="63"/>
    </row>
    <row r="6" spans="1:9" ht="15.75" customHeight="1" thickBot="1" x14ac:dyDescent="0.25">
      <c r="A6" s="57"/>
      <c r="B6" s="58"/>
      <c r="C6" s="58"/>
      <c r="D6" s="60"/>
      <c r="E6" s="62"/>
      <c r="F6" s="62"/>
      <c r="G6" s="60"/>
      <c r="H6" s="58"/>
      <c r="I6" s="64"/>
    </row>
    <row r="7" spans="1:9" ht="15.75" customHeight="1" thickTop="1" x14ac:dyDescent="0.2">
      <c r="A7" s="11"/>
      <c r="B7" s="21" t="s">
        <v>7</v>
      </c>
      <c r="C7" s="22" t="s">
        <v>6</v>
      </c>
      <c r="D7" s="30"/>
      <c r="E7" s="31"/>
      <c r="F7" s="32"/>
      <c r="G7" s="33"/>
      <c r="H7" s="31"/>
      <c r="I7" s="34"/>
    </row>
    <row r="8" spans="1:9" ht="15.75" customHeight="1" x14ac:dyDescent="0.2">
      <c r="A8" s="47" t="s">
        <v>12</v>
      </c>
      <c r="B8" s="39"/>
      <c r="C8" s="17" t="s">
        <v>3</v>
      </c>
      <c r="D8" s="35" t="s">
        <v>13</v>
      </c>
      <c r="E8" s="36" t="s">
        <v>15</v>
      </c>
      <c r="F8" s="36"/>
      <c r="G8" s="36"/>
      <c r="H8" s="36"/>
      <c r="I8" s="37"/>
    </row>
    <row r="9" spans="1:9" ht="15.75" customHeight="1" x14ac:dyDescent="0.2">
      <c r="A9" s="45"/>
      <c r="B9" s="40"/>
      <c r="C9" s="17" t="s">
        <v>1</v>
      </c>
      <c r="D9" s="35" t="s">
        <v>14</v>
      </c>
      <c r="E9" s="36" t="s">
        <v>16</v>
      </c>
      <c r="F9" s="36"/>
      <c r="G9" s="36"/>
      <c r="H9" s="36"/>
      <c r="I9" s="37"/>
    </row>
    <row r="10" spans="1:9" ht="15.75" customHeight="1" x14ac:dyDescent="0.2">
      <c r="A10" s="46"/>
      <c r="B10" s="41"/>
      <c r="C10" s="18" t="s">
        <v>2</v>
      </c>
      <c r="D10" s="19"/>
      <c r="E10" s="15"/>
      <c r="F10" s="15"/>
      <c r="G10" s="15"/>
      <c r="H10" s="15"/>
      <c r="I10" s="20"/>
    </row>
    <row r="11" spans="1:9" ht="15.75" customHeight="1" x14ac:dyDescent="0.2">
      <c r="A11" s="10"/>
      <c r="B11" s="39" t="s">
        <v>17</v>
      </c>
      <c r="C11" s="17" t="s">
        <v>3</v>
      </c>
      <c r="D11" s="14">
        <v>22155</v>
      </c>
      <c r="E11" s="5">
        <v>21693</v>
      </c>
      <c r="F11" s="5"/>
      <c r="G11" s="14"/>
      <c r="H11" s="5"/>
      <c r="I11" s="6"/>
    </row>
    <row r="12" spans="1:9" ht="15.75" customHeight="1" x14ac:dyDescent="0.2">
      <c r="A12" s="10"/>
      <c r="B12" s="40"/>
      <c r="C12" s="17" t="s">
        <v>1</v>
      </c>
      <c r="D12" s="14">
        <v>101195</v>
      </c>
      <c r="E12" s="5">
        <v>101657</v>
      </c>
      <c r="F12" s="5"/>
      <c r="G12" s="14"/>
      <c r="H12" s="5"/>
      <c r="I12" s="6"/>
    </row>
    <row r="13" spans="1:9" ht="15.75" customHeight="1" x14ac:dyDescent="0.2">
      <c r="A13" s="4"/>
      <c r="B13" s="41"/>
      <c r="C13" s="18" t="s">
        <v>2</v>
      </c>
      <c r="D13" s="14"/>
      <c r="E13" s="5"/>
      <c r="F13" s="5"/>
      <c r="G13" s="14"/>
      <c r="H13" s="5"/>
      <c r="I13" s="6"/>
    </row>
    <row r="14" spans="1:9" ht="15.75" customHeight="1" x14ac:dyDescent="0.2">
      <c r="A14" s="9"/>
      <c r="B14" s="39" t="s">
        <v>18</v>
      </c>
      <c r="C14" s="17" t="s">
        <v>3</v>
      </c>
      <c r="D14" s="14">
        <v>19104</v>
      </c>
      <c r="E14" s="5">
        <v>18931</v>
      </c>
      <c r="F14" s="5"/>
      <c r="G14" s="14"/>
      <c r="H14" s="5"/>
      <c r="I14" s="6"/>
    </row>
    <row r="15" spans="1:9" ht="15.75" customHeight="1" x14ac:dyDescent="0.2">
      <c r="A15" s="9"/>
      <c r="B15" s="40"/>
      <c r="C15" s="17" t="s">
        <v>1</v>
      </c>
      <c r="D15" s="14">
        <v>89935</v>
      </c>
      <c r="E15" s="5">
        <v>90108</v>
      </c>
      <c r="F15" s="5"/>
      <c r="G15" s="14"/>
      <c r="H15" s="5"/>
      <c r="I15" s="6"/>
    </row>
    <row r="16" spans="1:9" ht="15.75" customHeight="1" x14ac:dyDescent="0.2">
      <c r="A16" s="4"/>
      <c r="B16" s="41"/>
      <c r="C16" s="18" t="s">
        <v>2</v>
      </c>
      <c r="D16" s="14"/>
      <c r="E16" s="5"/>
      <c r="F16" s="5"/>
      <c r="G16" s="14"/>
      <c r="H16" s="5"/>
      <c r="I16" s="6"/>
    </row>
    <row r="17" spans="1:9" ht="15.75" customHeight="1" x14ac:dyDescent="0.2">
      <c r="A17" s="12"/>
      <c r="B17" s="50" t="s">
        <v>19</v>
      </c>
      <c r="C17" s="17" t="s">
        <v>3</v>
      </c>
      <c r="D17" s="14">
        <v>8612</v>
      </c>
      <c r="E17" s="5">
        <v>8498</v>
      </c>
      <c r="F17" s="5"/>
      <c r="G17" s="14"/>
      <c r="H17" s="5"/>
      <c r="I17" s="6"/>
    </row>
    <row r="18" spans="1:9" ht="15.75" customHeight="1" x14ac:dyDescent="0.2">
      <c r="A18" s="9"/>
      <c r="B18" s="51"/>
      <c r="C18" s="17" t="s">
        <v>1</v>
      </c>
      <c r="D18" s="14">
        <v>39695</v>
      </c>
      <c r="E18" s="5">
        <v>39809</v>
      </c>
      <c r="F18" s="5"/>
      <c r="G18" s="14"/>
      <c r="H18" s="5"/>
      <c r="I18" s="6"/>
    </row>
    <row r="19" spans="1:9" ht="15.75" customHeight="1" x14ac:dyDescent="0.2">
      <c r="A19" s="4"/>
      <c r="B19" s="52"/>
      <c r="C19" s="18" t="s">
        <v>2</v>
      </c>
      <c r="D19" s="14"/>
      <c r="E19" s="5"/>
      <c r="F19" s="5"/>
      <c r="G19" s="14"/>
      <c r="H19" s="5"/>
      <c r="I19" s="6"/>
    </row>
    <row r="20" spans="1:9" ht="15.75" customHeight="1" x14ac:dyDescent="0.2">
      <c r="A20" s="9"/>
      <c r="B20" s="39" t="s">
        <v>20</v>
      </c>
      <c r="C20" s="17" t="s">
        <v>3</v>
      </c>
      <c r="D20" s="14">
        <v>11488</v>
      </c>
      <c r="E20" s="5">
        <v>11233</v>
      </c>
      <c r="F20" s="5"/>
      <c r="G20" s="14"/>
      <c r="H20" s="5"/>
      <c r="I20" s="6"/>
    </row>
    <row r="21" spans="1:9" ht="15.75" customHeight="1" x14ac:dyDescent="0.2">
      <c r="A21" s="9"/>
      <c r="B21" s="40"/>
      <c r="C21" s="17" t="s">
        <v>1</v>
      </c>
      <c r="D21" s="14">
        <v>50825</v>
      </c>
      <c r="E21" s="5">
        <v>51080</v>
      </c>
      <c r="F21" s="5"/>
      <c r="G21" s="14"/>
      <c r="H21" s="5"/>
      <c r="I21" s="6"/>
    </row>
    <row r="22" spans="1:9" ht="15" customHeight="1" x14ac:dyDescent="0.2">
      <c r="A22" s="4"/>
      <c r="B22" s="41"/>
      <c r="C22" s="18" t="s">
        <v>2</v>
      </c>
      <c r="D22" s="14"/>
      <c r="E22" s="5"/>
      <c r="F22" s="5"/>
      <c r="G22" s="14"/>
      <c r="H22" s="5"/>
      <c r="I22" s="6"/>
    </row>
    <row r="23" spans="1:9" ht="15" customHeight="1" x14ac:dyDescent="0.2">
      <c r="A23" s="12"/>
      <c r="B23" s="39" t="s">
        <v>21</v>
      </c>
      <c r="C23" s="17" t="s">
        <v>3</v>
      </c>
      <c r="D23" s="14">
        <v>14511</v>
      </c>
      <c r="E23" s="5">
        <v>14167</v>
      </c>
      <c r="F23" s="5"/>
      <c r="G23" s="14"/>
      <c r="H23" s="5"/>
      <c r="I23" s="6"/>
    </row>
    <row r="24" spans="1:9" ht="15" customHeight="1" x14ac:dyDescent="0.2">
      <c r="A24" s="9"/>
      <c r="B24" s="40"/>
      <c r="C24" s="17" t="s">
        <v>1</v>
      </c>
      <c r="D24" s="14">
        <v>66665</v>
      </c>
      <c r="E24" s="5">
        <v>67009</v>
      </c>
      <c r="F24" s="5"/>
      <c r="G24" s="14"/>
      <c r="H24" s="5"/>
      <c r="I24" s="6"/>
    </row>
    <row r="25" spans="1:9" ht="15.75" customHeight="1" x14ac:dyDescent="0.2">
      <c r="A25" s="4"/>
      <c r="B25" s="41"/>
      <c r="C25" s="18" t="s">
        <v>2</v>
      </c>
      <c r="D25" s="14"/>
      <c r="E25" s="5"/>
      <c r="F25" s="15"/>
      <c r="G25" s="14"/>
      <c r="H25" s="5"/>
      <c r="I25" s="6"/>
    </row>
    <row r="26" spans="1:9" ht="15.75" customHeight="1" x14ac:dyDescent="0.2">
      <c r="A26" s="9"/>
      <c r="B26" s="39" t="s">
        <v>22</v>
      </c>
      <c r="C26" s="17" t="s">
        <v>3</v>
      </c>
      <c r="D26" s="14">
        <v>14525</v>
      </c>
      <c r="E26" s="5">
        <v>14288</v>
      </c>
      <c r="F26" s="5"/>
      <c r="G26" s="14"/>
      <c r="H26" s="5"/>
      <c r="I26" s="6"/>
    </row>
    <row r="27" spans="1:9" ht="15.75" customHeight="1" x14ac:dyDescent="0.2">
      <c r="A27" s="9"/>
      <c r="B27" s="40"/>
      <c r="C27" s="17" t="s">
        <v>1</v>
      </c>
      <c r="D27" s="14">
        <v>73035</v>
      </c>
      <c r="E27" s="5">
        <v>73272</v>
      </c>
      <c r="F27" s="5"/>
      <c r="G27" s="14"/>
      <c r="H27" s="5"/>
      <c r="I27" s="6"/>
    </row>
    <row r="28" spans="1:9" ht="15.75" customHeight="1" x14ac:dyDescent="0.2">
      <c r="A28" s="4"/>
      <c r="B28" s="41"/>
      <c r="C28" s="18" t="s">
        <v>2</v>
      </c>
      <c r="D28" s="14"/>
      <c r="E28" s="5"/>
      <c r="F28" s="5"/>
      <c r="G28" s="14"/>
      <c r="H28" s="5"/>
      <c r="I28" s="6"/>
    </row>
    <row r="29" spans="1:9" ht="15.75" customHeight="1" x14ac:dyDescent="0.2">
      <c r="A29" s="9"/>
      <c r="B29" s="39" t="s">
        <v>23</v>
      </c>
      <c r="C29" s="17" t="s">
        <v>3</v>
      </c>
      <c r="D29" s="14">
        <v>11851</v>
      </c>
      <c r="E29" s="5">
        <v>11474</v>
      </c>
      <c r="F29" s="5"/>
      <c r="G29" s="14"/>
      <c r="H29" s="5"/>
      <c r="I29" s="6"/>
    </row>
    <row r="30" spans="1:9" ht="15.75" customHeight="1" x14ac:dyDescent="0.2">
      <c r="A30" s="9"/>
      <c r="B30" s="40"/>
      <c r="C30" s="17" t="s">
        <v>1</v>
      </c>
      <c r="D30" s="14">
        <v>58937</v>
      </c>
      <c r="E30" s="5">
        <v>59314</v>
      </c>
      <c r="F30" s="5"/>
      <c r="G30" s="14"/>
      <c r="H30" s="5"/>
      <c r="I30" s="6"/>
    </row>
    <row r="31" spans="1:9" ht="15.75" customHeight="1" x14ac:dyDescent="0.2">
      <c r="A31" s="4"/>
      <c r="B31" s="41"/>
      <c r="C31" s="18" t="s">
        <v>2</v>
      </c>
      <c r="D31" s="14"/>
      <c r="E31" s="5"/>
      <c r="F31" s="5"/>
      <c r="G31" s="14"/>
      <c r="H31" s="5"/>
      <c r="I31" s="6"/>
    </row>
    <row r="32" spans="1:9" ht="15.75" customHeight="1" x14ac:dyDescent="0.2">
      <c r="A32" s="9"/>
      <c r="B32" s="39" t="s">
        <v>24</v>
      </c>
      <c r="C32" s="17" t="s">
        <v>3</v>
      </c>
      <c r="D32" s="14">
        <v>14047</v>
      </c>
      <c r="E32" s="5">
        <v>13710</v>
      </c>
      <c r="F32" s="5"/>
      <c r="G32" s="14"/>
      <c r="H32" s="5"/>
      <c r="I32" s="6"/>
    </row>
    <row r="33" spans="1:9" ht="15.75" customHeight="1" x14ac:dyDescent="0.2">
      <c r="A33" s="9"/>
      <c r="B33" s="40"/>
      <c r="C33" s="17" t="s">
        <v>1</v>
      </c>
      <c r="D33" s="14">
        <v>74775</v>
      </c>
      <c r="E33" s="5">
        <v>75112</v>
      </c>
      <c r="F33" s="5"/>
      <c r="G33" s="14"/>
      <c r="H33" s="5"/>
      <c r="I33" s="6"/>
    </row>
    <row r="34" spans="1:9" ht="15.75" customHeight="1" x14ac:dyDescent="0.2">
      <c r="A34" s="4"/>
      <c r="B34" s="41"/>
      <c r="C34" s="18" t="s">
        <v>2</v>
      </c>
      <c r="D34" s="14"/>
      <c r="E34" s="5"/>
      <c r="F34" s="5"/>
      <c r="G34" s="14"/>
      <c r="H34" s="5"/>
      <c r="I34" s="6"/>
    </row>
    <row r="35" spans="1:9" ht="15.75" customHeight="1" x14ac:dyDescent="0.2">
      <c r="A35" s="9"/>
      <c r="B35" s="39" t="s">
        <v>25</v>
      </c>
      <c r="C35" s="17" t="s">
        <v>3</v>
      </c>
      <c r="D35" s="14">
        <v>28695</v>
      </c>
      <c r="E35" s="5">
        <v>28384</v>
      </c>
      <c r="F35" s="5"/>
      <c r="G35" s="14"/>
      <c r="H35" s="5"/>
      <c r="I35" s="6"/>
    </row>
    <row r="36" spans="1:9" ht="15.75" customHeight="1" x14ac:dyDescent="0.2">
      <c r="A36" s="9"/>
      <c r="B36" s="40"/>
      <c r="C36" s="17" t="s">
        <v>1</v>
      </c>
      <c r="D36" s="14">
        <v>142442</v>
      </c>
      <c r="E36" s="5">
        <v>142753</v>
      </c>
      <c r="F36" s="5"/>
      <c r="G36" s="14"/>
      <c r="H36" s="5"/>
      <c r="I36" s="6"/>
    </row>
    <row r="37" spans="1:9" ht="15.75" customHeight="1" x14ac:dyDescent="0.2">
      <c r="A37" s="4"/>
      <c r="B37" s="41"/>
      <c r="C37" s="18" t="s">
        <v>2</v>
      </c>
      <c r="D37" s="14"/>
      <c r="E37" s="5"/>
      <c r="F37" s="5"/>
      <c r="G37" s="14"/>
      <c r="H37" s="5"/>
      <c r="I37" s="6"/>
    </row>
    <row r="38" spans="1:9" ht="15.75" customHeight="1" x14ac:dyDescent="0.2">
      <c r="A38" s="9"/>
      <c r="B38" s="39" t="s">
        <v>26</v>
      </c>
      <c r="C38" s="17" t="s">
        <v>3</v>
      </c>
      <c r="D38" s="14">
        <v>19953</v>
      </c>
      <c r="E38" s="5">
        <v>19565</v>
      </c>
      <c r="F38" s="5"/>
      <c r="G38" s="14"/>
      <c r="H38" s="5"/>
      <c r="I38" s="6"/>
    </row>
    <row r="39" spans="1:9" ht="15.75" customHeight="1" x14ac:dyDescent="0.2">
      <c r="A39" s="9"/>
      <c r="B39" s="40"/>
      <c r="C39" s="17" t="s">
        <v>1</v>
      </c>
      <c r="D39" s="14">
        <v>103802</v>
      </c>
      <c r="E39" s="5">
        <v>104190</v>
      </c>
      <c r="F39" s="5"/>
      <c r="G39" s="14"/>
      <c r="H39" s="5"/>
      <c r="I39" s="6"/>
    </row>
    <row r="40" spans="1:9" ht="15.75" customHeight="1" x14ac:dyDescent="0.2">
      <c r="A40" s="4"/>
      <c r="B40" s="41"/>
      <c r="C40" s="18" t="s">
        <v>2</v>
      </c>
      <c r="D40" s="14"/>
      <c r="E40" s="5"/>
      <c r="F40" s="5"/>
      <c r="G40" s="14"/>
      <c r="H40" s="5"/>
      <c r="I40" s="6"/>
    </row>
    <row r="41" spans="1:9" ht="15.75" customHeight="1" x14ac:dyDescent="0.2">
      <c r="A41" s="12"/>
      <c r="B41" s="39" t="s">
        <v>27</v>
      </c>
      <c r="C41" s="17" t="s">
        <v>3</v>
      </c>
      <c r="D41" s="14">
        <v>15358</v>
      </c>
      <c r="E41" s="5">
        <v>14976</v>
      </c>
      <c r="F41" s="5"/>
      <c r="G41" s="14"/>
      <c r="H41" s="5"/>
      <c r="I41" s="6"/>
    </row>
    <row r="42" spans="1:9" ht="15.75" customHeight="1" x14ac:dyDescent="0.2">
      <c r="A42" s="9"/>
      <c r="B42" s="40"/>
      <c r="C42" s="17" t="s">
        <v>1</v>
      </c>
      <c r="D42" s="14">
        <v>80185</v>
      </c>
      <c r="E42" s="5">
        <v>80567</v>
      </c>
      <c r="F42" s="5"/>
      <c r="G42" s="14"/>
      <c r="H42" s="5"/>
      <c r="I42" s="6"/>
    </row>
    <row r="43" spans="1:9" ht="15.75" customHeight="1" x14ac:dyDescent="0.2">
      <c r="A43" s="4"/>
      <c r="B43" s="41"/>
      <c r="C43" s="18" t="s">
        <v>2</v>
      </c>
      <c r="D43" s="14"/>
      <c r="E43" s="5"/>
      <c r="F43" s="5"/>
      <c r="G43" s="14"/>
      <c r="H43" s="5"/>
      <c r="I43" s="6"/>
    </row>
    <row r="44" spans="1:9" ht="15.75" customHeight="1" x14ac:dyDescent="0.2">
      <c r="A44" s="12"/>
      <c r="B44" s="39" t="s">
        <v>28</v>
      </c>
      <c r="C44" s="17" t="s">
        <v>3</v>
      </c>
      <c r="D44" s="14">
        <v>18474</v>
      </c>
      <c r="E44" s="5">
        <v>16066</v>
      </c>
      <c r="F44" s="5"/>
      <c r="G44" s="14"/>
      <c r="H44" s="5"/>
      <c r="I44" s="6"/>
    </row>
    <row r="45" spans="1:9" ht="15.75" customHeight="1" x14ac:dyDescent="0.2">
      <c r="A45" s="9"/>
      <c r="B45" s="40"/>
      <c r="C45" s="17" t="s">
        <v>1</v>
      </c>
      <c r="D45" s="14">
        <v>85339</v>
      </c>
      <c r="E45" s="5">
        <v>87747</v>
      </c>
      <c r="F45" s="5"/>
      <c r="G45" s="14"/>
      <c r="H45" s="5"/>
      <c r="I45" s="6"/>
    </row>
    <row r="46" spans="1:9" ht="15.75" customHeight="1" x14ac:dyDescent="0.2">
      <c r="A46" s="4"/>
      <c r="B46" s="41"/>
      <c r="C46" s="18" t="s">
        <v>2</v>
      </c>
      <c r="D46" s="14"/>
      <c r="E46" s="5"/>
      <c r="F46" s="5"/>
      <c r="G46" s="14"/>
      <c r="H46" s="5"/>
      <c r="I46" s="6"/>
    </row>
    <row r="47" spans="1:9" ht="15.75" customHeight="1" x14ac:dyDescent="0.2">
      <c r="A47" s="9"/>
      <c r="B47" s="39" t="s">
        <v>29</v>
      </c>
      <c r="C47" s="17" t="s">
        <v>3</v>
      </c>
      <c r="D47" s="14">
        <v>12694</v>
      </c>
      <c r="E47" s="5">
        <v>12535</v>
      </c>
      <c r="F47" s="5"/>
      <c r="G47" s="14"/>
      <c r="H47" s="5"/>
      <c r="I47" s="6"/>
    </row>
    <row r="48" spans="1:9" ht="15.75" customHeight="1" x14ac:dyDescent="0.2">
      <c r="A48" s="9"/>
      <c r="B48" s="40"/>
      <c r="C48" s="17" t="s">
        <v>1</v>
      </c>
      <c r="D48" s="14">
        <v>66902</v>
      </c>
      <c r="E48" s="5">
        <v>67061</v>
      </c>
      <c r="F48" s="5"/>
      <c r="G48" s="14"/>
      <c r="H48" s="5"/>
      <c r="I48" s="6"/>
    </row>
    <row r="49" spans="1:9" ht="15.75" customHeight="1" x14ac:dyDescent="0.2">
      <c r="A49" s="4"/>
      <c r="B49" s="41"/>
      <c r="C49" s="18" t="s">
        <v>2</v>
      </c>
      <c r="D49" s="14"/>
      <c r="E49" s="5"/>
      <c r="F49" s="5"/>
      <c r="G49" s="14"/>
      <c r="H49" s="5"/>
      <c r="I49" s="6"/>
    </row>
    <row r="50" spans="1:9" ht="15.75" customHeight="1" x14ac:dyDescent="0.2">
      <c r="A50" s="9"/>
      <c r="B50" s="39" t="s">
        <v>30</v>
      </c>
      <c r="C50" s="17" t="s">
        <v>3</v>
      </c>
      <c r="D50" s="14">
        <v>8534</v>
      </c>
      <c r="E50" s="5">
        <v>8278</v>
      </c>
      <c r="F50" s="5"/>
      <c r="G50" s="14"/>
      <c r="H50" s="5"/>
      <c r="I50" s="6"/>
    </row>
    <row r="51" spans="1:9" ht="15.75" customHeight="1" x14ac:dyDescent="0.2">
      <c r="A51" s="9"/>
      <c r="B51" s="40"/>
      <c r="C51" s="17" t="s">
        <v>1</v>
      </c>
      <c r="D51" s="14">
        <v>42889</v>
      </c>
      <c r="E51" s="5">
        <v>43145</v>
      </c>
      <c r="F51" s="5"/>
      <c r="G51" s="14"/>
      <c r="H51" s="5"/>
      <c r="I51" s="6"/>
    </row>
    <row r="52" spans="1:9" ht="15.75" customHeight="1" x14ac:dyDescent="0.2">
      <c r="A52" s="4"/>
      <c r="B52" s="41"/>
      <c r="C52" s="18" t="s">
        <v>2</v>
      </c>
      <c r="D52" s="14"/>
      <c r="E52" s="5"/>
      <c r="F52" s="5"/>
      <c r="G52" s="14"/>
      <c r="H52" s="5"/>
      <c r="I52" s="6"/>
    </row>
    <row r="53" spans="1:9" ht="15.75" customHeight="1" x14ac:dyDescent="0.2">
      <c r="A53" s="12"/>
      <c r="B53" s="39" t="s">
        <v>31</v>
      </c>
      <c r="C53" s="17" t="s">
        <v>3</v>
      </c>
      <c r="D53" s="14">
        <v>8613</v>
      </c>
      <c r="E53" s="5">
        <v>8424</v>
      </c>
      <c r="F53" s="5"/>
      <c r="G53" s="14"/>
      <c r="H53" s="5"/>
      <c r="I53" s="6"/>
    </row>
    <row r="54" spans="1:9" ht="15.75" customHeight="1" x14ac:dyDescent="0.2">
      <c r="A54" s="9"/>
      <c r="B54" s="40"/>
      <c r="C54" s="17" t="s">
        <v>1</v>
      </c>
      <c r="D54" s="14">
        <v>47475</v>
      </c>
      <c r="E54" s="5">
        <v>47664</v>
      </c>
      <c r="F54" s="5"/>
      <c r="G54" s="14"/>
      <c r="H54" s="5"/>
      <c r="I54" s="6"/>
    </row>
    <row r="55" spans="1:9" ht="15.75" customHeight="1" x14ac:dyDescent="0.2">
      <c r="A55" s="4"/>
      <c r="B55" s="41"/>
      <c r="C55" s="18" t="s">
        <v>2</v>
      </c>
      <c r="D55" s="14"/>
      <c r="E55" s="5"/>
      <c r="F55" s="5"/>
      <c r="G55" s="14"/>
      <c r="H55" s="5"/>
      <c r="I55" s="6"/>
    </row>
    <row r="56" spans="1:9" ht="15.75" customHeight="1" x14ac:dyDescent="0.2">
      <c r="A56" s="12"/>
      <c r="B56" s="39" t="s">
        <v>32</v>
      </c>
      <c r="C56" s="17" t="s">
        <v>3</v>
      </c>
      <c r="D56" s="14">
        <v>10459</v>
      </c>
      <c r="E56" s="5">
        <v>10230</v>
      </c>
      <c r="F56" s="5"/>
      <c r="G56" s="14"/>
      <c r="H56" s="5"/>
      <c r="I56" s="6"/>
    </row>
    <row r="57" spans="1:9" ht="15.75" customHeight="1" x14ac:dyDescent="0.2">
      <c r="A57" s="9"/>
      <c r="B57" s="40"/>
      <c r="C57" s="17" t="s">
        <v>1</v>
      </c>
      <c r="D57" s="14">
        <v>55914</v>
      </c>
      <c r="E57" s="5">
        <v>56143</v>
      </c>
      <c r="F57" s="5"/>
      <c r="G57" s="14"/>
      <c r="H57" s="5"/>
      <c r="I57" s="6"/>
    </row>
    <row r="58" spans="1:9" ht="15.75" customHeight="1" x14ac:dyDescent="0.2">
      <c r="A58" s="4"/>
      <c r="B58" s="41"/>
      <c r="C58" s="18" t="s">
        <v>2</v>
      </c>
      <c r="D58" s="14"/>
      <c r="E58" s="5"/>
      <c r="F58" s="5"/>
      <c r="G58" s="14"/>
      <c r="H58" s="5"/>
      <c r="I58" s="6"/>
    </row>
    <row r="59" spans="1:9" ht="15.75" customHeight="1" x14ac:dyDescent="0.2">
      <c r="A59" s="9"/>
      <c r="B59" s="39" t="s">
        <v>33</v>
      </c>
      <c r="C59" s="17" t="s">
        <v>3</v>
      </c>
      <c r="D59" s="14">
        <v>23066</v>
      </c>
      <c r="E59" s="5">
        <v>22593</v>
      </c>
      <c r="F59" s="5"/>
      <c r="G59" s="14"/>
      <c r="H59" s="5"/>
      <c r="I59" s="6"/>
    </row>
    <row r="60" spans="1:9" ht="15.75" customHeight="1" x14ac:dyDescent="0.2">
      <c r="A60" s="9"/>
      <c r="B60" s="40"/>
      <c r="C60" s="17" t="s">
        <v>1</v>
      </c>
      <c r="D60" s="14">
        <v>127684</v>
      </c>
      <c r="E60" s="5">
        <v>128157</v>
      </c>
      <c r="F60" s="5"/>
      <c r="G60" s="14"/>
      <c r="H60" s="5"/>
      <c r="I60" s="6"/>
    </row>
    <row r="61" spans="1:9" ht="15.75" customHeight="1" x14ac:dyDescent="0.2">
      <c r="A61" s="4"/>
      <c r="B61" s="41"/>
      <c r="C61" s="18" t="s">
        <v>2</v>
      </c>
      <c r="D61" s="14"/>
      <c r="E61" s="5"/>
      <c r="F61" s="5"/>
      <c r="G61" s="14"/>
      <c r="H61" s="5"/>
      <c r="I61" s="6"/>
    </row>
    <row r="62" spans="1:9" ht="15.75" customHeight="1" x14ac:dyDescent="0.2">
      <c r="A62" s="12"/>
      <c r="B62" s="39" t="s">
        <v>34</v>
      </c>
      <c r="C62" s="17" t="s">
        <v>3</v>
      </c>
      <c r="D62" s="14">
        <v>15624</v>
      </c>
      <c r="E62" s="5">
        <v>15269</v>
      </c>
      <c r="F62" s="5"/>
      <c r="G62" s="14"/>
      <c r="H62" s="5"/>
      <c r="I62" s="6"/>
    </row>
    <row r="63" spans="1:9" ht="15.75" customHeight="1" x14ac:dyDescent="0.2">
      <c r="A63" s="9"/>
      <c r="B63" s="40"/>
      <c r="C63" s="17" t="s">
        <v>1</v>
      </c>
      <c r="D63" s="14">
        <v>85760</v>
      </c>
      <c r="E63" s="5">
        <v>86115</v>
      </c>
      <c r="F63" s="5"/>
      <c r="G63" s="14"/>
      <c r="H63" s="5"/>
      <c r="I63" s="6"/>
    </row>
    <row r="64" spans="1:9" ht="15.75" customHeight="1" x14ac:dyDescent="0.2">
      <c r="A64" s="4"/>
      <c r="B64" s="41"/>
      <c r="C64" s="18" t="s">
        <v>2</v>
      </c>
      <c r="D64" s="14"/>
      <c r="E64" s="5"/>
      <c r="F64" s="5"/>
      <c r="G64" s="14"/>
      <c r="H64" s="5"/>
      <c r="I64" s="6"/>
    </row>
    <row r="65" spans="1:9" ht="15.75" customHeight="1" x14ac:dyDescent="0.2">
      <c r="A65" s="47" t="s">
        <v>35</v>
      </c>
      <c r="B65" s="39"/>
      <c r="C65" s="17" t="s">
        <v>3</v>
      </c>
      <c r="D65" s="14">
        <v>120818</v>
      </c>
      <c r="E65" s="5">
        <v>119528</v>
      </c>
      <c r="F65" s="5"/>
      <c r="G65" s="14"/>
      <c r="H65" s="5"/>
      <c r="I65" s="6"/>
    </row>
    <row r="66" spans="1:9" ht="15.75" customHeight="1" x14ac:dyDescent="0.2">
      <c r="A66" s="45"/>
      <c r="B66" s="40"/>
      <c r="C66" s="17" t="s">
        <v>1</v>
      </c>
      <c r="D66" s="14">
        <v>565711</v>
      </c>
      <c r="E66" s="5">
        <v>567001</v>
      </c>
      <c r="F66" s="15"/>
      <c r="G66" s="14"/>
      <c r="H66" s="5"/>
      <c r="I66" s="6"/>
    </row>
    <row r="67" spans="1:9" ht="15.75" customHeight="1" x14ac:dyDescent="0.2">
      <c r="A67" s="46"/>
      <c r="B67" s="41"/>
      <c r="C67" s="18" t="s">
        <v>2</v>
      </c>
      <c r="D67" s="14"/>
      <c r="E67" s="5"/>
      <c r="F67" s="5"/>
      <c r="G67" s="14"/>
      <c r="H67" s="5"/>
      <c r="I67" s="6"/>
    </row>
    <row r="68" spans="1:9" ht="15.75" customHeight="1" x14ac:dyDescent="0.2">
      <c r="A68" s="10"/>
      <c r="B68" s="39" t="s">
        <v>36</v>
      </c>
      <c r="C68" s="17" t="s">
        <v>3</v>
      </c>
      <c r="D68" s="14">
        <v>16664</v>
      </c>
      <c r="E68" s="5">
        <v>16410</v>
      </c>
      <c r="F68" s="5"/>
      <c r="G68" s="14"/>
      <c r="H68" s="5"/>
      <c r="I68" s="6"/>
    </row>
    <row r="69" spans="1:9" ht="15.75" customHeight="1" x14ac:dyDescent="0.2">
      <c r="A69" s="10"/>
      <c r="B69" s="40"/>
      <c r="C69" s="17" t="s">
        <v>1</v>
      </c>
      <c r="D69" s="14">
        <v>70287</v>
      </c>
      <c r="E69" s="5">
        <v>70541</v>
      </c>
      <c r="F69" s="5"/>
      <c r="G69" s="14"/>
      <c r="H69" s="5"/>
      <c r="I69" s="6"/>
    </row>
    <row r="70" spans="1:9" ht="15.75" customHeight="1" x14ac:dyDescent="0.2">
      <c r="A70" s="4"/>
      <c r="B70" s="41"/>
      <c r="C70" s="18" t="s">
        <v>2</v>
      </c>
      <c r="D70" s="14"/>
      <c r="E70" s="5"/>
      <c r="F70" s="5"/>
      <c r="G70" s="14"/>
      <c r="H70" s="5"/>
      <c r="I70" s="6"/>
    </row>
    <row r="71" spans="1:9" ht="15.75" customHeight="1" x14ac:dyDescent="0.2">
      <c r="A71" s="12"/>
      <c r="B71" s="39" t="s">
        <v>37</v>
      </c>
      <c r="C71" s="17" t="s">
        <v>3</v>
      </c>
      <c r="D71" s="14">
        <v>13611</v>
      </c>
      <c r="E71" s="5">
        <v>13394</v>
      </c>
      <c r="F71" s="5"/>
      <c r="G71" s="14"/>
      <c r="H71" s="5"/>
      <c r="I71" s="6"/>
    </row>
    <row r="72" spans="1:9" ht="15.75" customHeight="1" x14ac:dyDescent="0.2">
      <c r="A72" s="9"/>
      <c r="B72" s="40"/>
      <c r="C72" s="17" t="s">
        <v>1</v>
      </c>
      <c r="D72" s="14">
        <v>64528</v>
      </c>
      <c r="E72" s="5">
        <v>64745</v>
      </c>
      <c r="F72" s="5"/>
      <c r="G72" s="14"/>
      <c r="H72" s="5"/>
      <c r="I72" s="6"/>
    </row>
    <row r="73" spans="1:9" ht="15.75" customHeight="1" x14ac:dyDescent="0.2">
      <c r="A73" s="4"/>
      <c r="B73" s="41"/>
      <c r="C73" s="18" t="s">
        <v>2</v>
      </c>
      <c r="D73" s="14"/>
      <c r="E73" s="5"/>
      <c r="F73" s="5"/>
      <c r="G73" s="14"/>
      <c r="H73" s="5"/>
      <c r="I73" s="6"/>
    </row>
    <row r="74" spans="1:9" ht="15.75" customHeight="1" x14ac:dyDescent="0.2">
      <c r="A74" s="9"/>
      <c r="B74" s="39" t="s">
        <v>38</v>
      </c>
      <c r="C74" s="17" t="s">
        <v>3</v>
      </c>
      <c r="D74" s="14">
        <v>22215</v>
      </c>
      <c r="E74" s="5">
        <v>22122</v>
      </c>
      <c r="F74" s="5"/>
      <c r="G74" s="14"/>
      <c r="H74" s="5"/>
      <c r="I74" s="6"/>
    </row>
    <row r="75" spans="1:9" ht="15.75" customHeight="1" x14ac:dyDescent="0.2">
      <c r="A75" s="9"/>
      <c r="B75" s="40"/>
      <c r="C75" s="17" t="s">
        <v>1</v>
      </c>
      <c r="D75" s="14">
        <v>104562</v>
      </c>
      <c r="E75" s="5">
        <v>104655</v>
      </c>
      <c r="F75" s="5"/>
      <c r="G75" s="14"/>
      <c r="H75" s="5"/>
      <c r="I75" s="6"/>
    </row>
    <row r="76" spans="1:9" ht="15.75" customHeight="1" x14ac:dyDescent="0.2">
      <c r="A76" s="4"/>
      <c r="B76" s="41"/>
      <c r="C76" s="18" t="s">
        <v>2</v>
      </c>
      <c r="D76" s="14"/>
      <c r="E76" s="5"/>
      <c r="F76" s="5"/>
      <c r="G76" s="14"/>
      <c r="H76" s="5"/>
      <c r="I76" s="6"/>
    </row>
    <row r="77" spans="1:9" ht="15.75" customHeight="1" x14ac:dyDescent="0.2">
      <c r="A77" s="12"/>
      <c r="B77" s="39" t="s">
        <v>39</v>
      </c>
      <c r="C77" s="17" t="s">
        <v>3</v>
      </c>
      <c r="D77" s="14">
        <v>18445</v>
      </c>
      <c r="E77" s="5">
        <v>18141</v>
      </c>
      <c r="F77" s="5"/>
      <c r="G77" s="14"/>
      <c r="H77" s="5"/>
      <c r="I77" s="6"/>
    </row>
    <row r="78" spans="1:9" ht="15.75" customHeight="1" x14ac:dyDescent="0.2">
      <c r="A78" s="9"/>
      <c r="B78" s="40"/>
      <c r="C78" s="17" t="s">
        <v>1</v>
      </c>
      <c r="D78" s="14">
        <v>86048</v>
      </c>
      <c r="E78" s="5">
        <v>86352</v>
      </c>
      <c r="F78" s="5"/>
      <c r="G78" s="14"/>
      <c r="H78" s="5"/>
      <c r="I78" s="6"/>
    </row>
    <row r="79" spans="1:9" ht="15.75" customHeight="1" x14ac:dyDescent="0.2">
      <c r="A79" s="4"/>
      <c r="B79" s="41"/>
      <c r="C79" s="18" t="s">
        <v>2</v>
      </c>
      <c r="D79" s="14"/>
      <c r="E79" s="5"/>
      <c r="F79" s="5"/>
      <c r="G79" s="14"/>
      <c r="H79" s="5"/>
      <c r="I79" s="6"/>
    </row>
    <row r="80" spans="1:9" ht="15.75" customHeight="1" x14ac:dyDescent="0.2">
      <c r="A80" s="9"/>
      <c r="B80" s="39" t="s">
        <v>40</v>
      </c>
      <c r="C80" s="17" t="s">
        <v>3</v>
      </c>
      <c r="D80" s="14">
        <v>18373</v>
      </c>
      <c r="E80" s="5">
        <v>18198</v>
      </c>
      <c r="F80" s="5"/>
      <c r="G80" s="14"/>
      <c r="H80" s="5"/>
      <c r="I80" s="6"/>
    </row>
    <row r="81" spans="1:9" ht="15.75" customHeight="1" x14ac:dyDescent="0.2">
      <c r="A81" s="9"/>
      <c r="B81" s="40"/>
      <c r="C81" s="17" t="s">
        <v>1</v>
      </c>
      <c r="D81" s="14">
        <v>81931</v>
      </c>
      <c r="E81" s="5">
        <v>82106</v>
      </c>
      <c r="F81" s="5"/>
      <c r="G81" s="14"/>
      <c r="H81" s="5"/>
      <c r="I81" s="6"/>
    </row>
    <row r="82" spans="1:9" ht="15.75" customHeight="1" x14ac:dyDescent="0.2">
      <c r="A82" s="4"/>
      <c r="B82" s="41"/>
      <c r="C82" s="18" t="s">
        <v>2</v>
      </c>
      <c r="D82" s="14"/>
      <c r="E82" s="5"/>
      <c r="F82" s="5"/>
      <c r="G82" s="14"/>
      <c r="H82" s="5"/>
      <c r="I82" s="6"/>
    </row>
    <row r="83" spans="1:9" ht="15.75" customHeight="1" x14ac:dyDescent="0.2">
      <c r="A83" s="12"/>
      <c r="B83" s="39" t="s">
        <v>41</v>
      </c>
      <c r="C83" s="17" t="s">
        <v>3</v>
      </c>
      <c r="D83" s="14">
        <v>17551</v>
      </c>
      <c r="E83" s="5">
        <v>17366</v>
      </c>
      <c r="F83" s="5"/>
      <c r="G83" s="14"/>
      <c r="H83" s="5"/>
      <c r="I83" s="6"/>
    </row>
    <row r="84" spans="1:9" ht="15.75" customHeight="1" x14ac:dyDescent="0.2">
      <c r="A84" s="9"/>
      <c r="B84" s="40"/>
      <c r="C84" s="17" t="s">
        <v>1</v>
      </c>
      <c r="D84" s="14">
        <v>87344</v>
      </c>
      <c r="E84" s="5">
        <v>87529</v>
      </c>
      <c r="F84" s="5"/>
      <c r="G84" s="14"/>
      <c r="H84" s="5"/>
      <c r="I84" s="6"/>
    </row>
    <row r="85" spans="1:9" ht="15.75" customHeight="1" x14ac:dyDescent="0.2">
      <c r="A85" s="4"/>
      <c r="B85" s="41"/>
      <c r="C85" s="18" t="s">
        <v>2</v>
      </c>
      <c r="D85" s="14"/>
      <c r="E85" s="5"/>
      <c r="F85" s="5"/>
      <c r="G85" s="14"/>
      <c r="H85" s="5"/>
      <c r="I85" s="6"/>
    </row>
    <row r="86" spans="1:9" ht="15.75" customHeight="1" x14ac:dyDescent="0.2">
      <c r="A86" s="9"/>
      <c r="B86" s="39" t="s">
        <v>42</v>
      </c>
      <c r="C86" s="17" t="s">
        <v>3</v>
      </c>
      <c r="D86" s="14">
        <v>13959</v>
      </c>
      <c r="E86" s="5">
        <v>13897</v>
      </c>
      <c r="F86" s="15"/>
      <c r="G86" s="14"/>
      <c r="H86" s="5"/>
      <c r="I86" s="6"/>
    </row>
    <row r="87" spans="1:9" ht="15.75" customHeight="1" x14ac:dyDescent="0.2">
      <c r="A87" s="9"/>
      <c r="B87" s="40"/>
      <c r="C87" s="17" t="s">
        <v>1</v>
      </c>
      <c r="D87" s="14">
        <v>71011</v>
      </c>
      <c r="E87" s="5">
        <v>71073</v>
      </c>
      <c r="F87" s="5"/>
      <c r="G87" s="14"/>
      <c r="H87" s="5"/>
      <c r="I87" s="6"/>
    </row>
    <row r="88" spans="1:9" ht="15.75" customHeight="1" x14ac:dyDescent="0.2">
      <c r="A88" s="4"/>
      <c r="B88" s="41"/>
      <c r="C88" s="18" t="s">
        <v>2</v>
      </c>
      <c r="D88" s="14"/>
      <c r="E88" s="5"/>
      <c r="F88" s="5"/>
      <c r="G88" s="14"/>
      <c r="H88" s="5"/>
      <c r="I88" s="6"/>
    </row>
    <row r="89" spans="1:9" ht="15.75" customHeight="1" x14ac:dyDescent="0.2">
      <c r="A89" s="47" t="s">
        <v>43</v>
      </c>
      <c r="B89" s="39"/>
      <c r="C89" s="17" t="s">
        <v>3</v>
      </c>
      <c r="D89" s="14">
        <v>53029</v>
      </c>
      <c r="E89" s="5">
        <v>51755</v>
      </c>
      <c r="F89" s="5"/>
      <c r="G89" s="14"/>
      <c r="H89" s="5"/>
      <c r="I89" s="6"/>
    </row>
    <row r="90" spans="1:9" ht="15.75" customHeight="1" x14ac:dyDescent="0.2">
      <c r="A90" s="45"/>
      <c r="B90" s="40"/>
      <c r="C90" s="17" t="s">
        <v>1</v>
      </c>
      <c r="D90" s="14">
        <v>261704</v>
      </c>
      <c r="E90" s="5">
        <v>262978</v>
      </c>
      <c r="F90" s="5"/>
      <c r="G90" s="14"/>
      <c r="H90" s="5"/>
      <c r="I90" s="6"/>
    </row>
    <row r="91" spans="1:9" ht="15.75" customHeight="1" x14ac:dyDescent="0.2">
      <c r="A91" s="46"/>
      <c r="B91" s="41"/>
      <c r="C91" s="18" t="s">
        <v>2</v>
      </c>
      <c r="D91" s="14"/>
      <c r="E91" s="5"/>
      <c r="F91" s="5"/>
      <c r="G91" s="14"/>
      <c r="H91" s="5"/>
      <c r="I91" s="6"/>
    </row>
    <row r="92" spans="1:9" ht="15.75" customHeight="1" x14ac:dyDescent="0.2">
      <c r="A92" s="13"/>
      <c r="B92" s="39" t="s">
        <v>44</v>
      </c>
      <c r="C92" s="17" t="s">
        <v>3</v>
      </c>
      <c r="D92" s="14">
        <v>11791</v>
      </c>
      <c r="E92" s="5">
        <v>11606</v>
      </c>
      <c r="F92" s="5"/>
      <c r="G92" s="14"/>
      <c r="H92" s="5"/>
      <c r="I92" s="6"/>
    </row>
    <row r="93" spans="1:9" ht="15.75" customHeight="1" x14ac:dyDescent="0.2">
      <c r="A93" s="10"/>
      <c r="B93" s="40"/>
      <c r="C93" s="17" t="s">
        <v>1</v>
      </c>
      <c r="D93" s="14">
        <v>61912</v>
      </c>
      <c r="E93" s="5">
        <v>62097</v>
      </c>
      <c r="F93" s="5"/>
      <c r="G93" s="14"/>
      <c r="H93" s="5"/>
      <c r="I93" s="6"/>
    </row>
    <row r="94" spans="1:9" ht="15.75" customHeight="1" x14ac:dyDescent="0.2">
      <c r="A94" s="4"/>
      <c r="B94" s="41"/>
      <c r="C94" s="18" t="s">
        <v>2</v>
      </c>
      <c r="D94" s="14"/>
      <c r="E94" s="5"/>
      <c r="F94" s="5"/>
      <c r="G94" s="14"/>
      <c r="H94" s="5"/>
      <c r="I94" s="6"/>
    </row>
    <row r="95" spans="1:9" ht="15.75" customHeight="1" x14ac:dyDescent="0.2">
      <c r="A95" s="12"/>
      <c r="B95" s="39" t="s">
        <v>45</v>
      </c>
      <c r="C95" s="17" t="s">
        <v>3</v>
      </c>
      <c r="D95" s="14">
        <v>19382</v>
      </c>
      <c r="E95" s="5">
        <v>18707</v>
      </c>
      <c r="F95" s="5"/>
      <c r="G95" s="14"/>
      <c r="H95" s="5"/>
      <c r="I95" s="6"/>
    </row>
    <row r="96" spans="1:9" ht="15.75" customHeight="1" x14ac:dyDescent="0.2">
      <c r="A96" s="9"/>
      <c r="B96" s="40"/>
      <c r="C96" s="17" t="s">
        <v>1</v>
      </c>
      <c r="D96" s="14">
        <v>93199</v>
      </c>
      <c r="E96" s="5">
        <v>93874</v>
      </c>
      <c r="F96" s="5"/>
      <c r="G96" s="14"/>
      <c r="H96" s="5"/>
      <c r="I96" s="6"/>
    </row>
    <row r="97" spans="1:9" ht="15.75" customHeight="1" x14ac:dyDescent="0.2">
      <c r="A97" s="4"/>
      <c r="B97" s="41"/>
      <c r="C97" s="18" t="s">
        <v>2</v>
      </c>
      <c r="D97" s="14"/>
      <c r="E97" s="5"/>
      <c r="F97" s="5"/>
      <c r="G97" s="14"/>
      <c r="H97" s="5"/>
      <c r="I97" s="6"/>
    </row>
    <row r="98" spans="1:9" ht="15.75" customHeight="1" x14ac:dyDescent="0.2">
      <c r="A98" s="12"/>
      <c r="B98" s="39" t="s">
        <v>46</v>
      </c>
      <c r="C98" s="17" t="s">
        <v>3</v>
      </c>
      <c r="D98" s="14">
        <v>21856</v>
      </c>
      <c r="E98" s="5">
        <v>21442</v>
      </c>
      <c r="F98" s="5"/>
      <c r="G98" s="14"/>
      <c r="H98" s="5"/>
      <c r="I98" s="6"/>
    </row>
    <row r="99" spans="1:9" ht="15.75" customHeight="1" x14ac:dyDescent="0.2">
      <c r="A99" s="9"/>
      <c r="B99" s="40"/>
      <c r="C99" s="17" t="s">
        <v>1</v>
      </c>
      <c r="D99" s="14">
        <v>106593</v>
      </c>
      <c r="E99" s="5">
        <v>107007</v>
      </c>
      <c r="F99" s="5"/>
      <c r="G99" s="14"/>
      <c r="H99" s="5"/>
      <c r="I99" s="6"/>
    </row>
    <row r="100" spans="1:9" ht="15.75" customHeight="1" x14ac:dyDescent="0.2">
      <c r="A100" s="4"/>
      <c r="B100" s="41"/>
      <c r="C100" s="18" t="s">
        <v>2</v>
      </c>
      <c r="D100" s="14"/>
      <c r="E100" s="5"/>
      <c r="F100" s="5"/>
      <c r="G100" s="14"/>
      <c r="H100" s="5"/>
      <c r="I100" s="6"/>
    </row>
    <row r="101" spans="1:9" ht="15.75" customHeight="1" x14ac:dyDescent="0.2">
      <c r="A101" s="47" t="s">
        <v>47</v>
      </c>
      <c r="B101" s="39"/>
      <c r="C101" s="17" t="s">
        <v>3</v>
      </c>
      <c r="D101" s="14">
        <v>24469</v>
      </c>
      <c r="E101" s="5">
        <v>23890</v>
      </c>
      <c r="F101" s="5"/>
      <c r="G101" s="14"/>
      <c r="H101" s="5"/>
      <c r="I101" s="6"/>
    </row>
    <row r="102" spans="1:9" ht="15.75" customHeight="1" x14ac:dyDescent="0.2">
      <c r="A102" s="45"/>
      <c r="B102" s="40"/>
      <c r="C102" s="17" t="s">
        <v>1</v>
      </c>
      <c r="D102" s="14">
        <v>145715</v>
      </c>
      <c r="E102" s="5">
        <v>146294</v>
      </c>
      <c r="F102" s="5"/>
      <c r="G102" s="14"/>
      <c r="H102" s="5"/>
      <c r="I102" s="6"/>
    </row>
    <row r="103" spans="1:9" ht="15.75" customHeight="1" x14ac:dyDescent="0.2">
      <c r="A103" s="46"/>
      <c r="B103" s="41"/>
      <c r="C103" s="18" t="s">
        <v>2</v>
      </c>
      <c r="D103" s="14"/>
      <c r="E103" s="5"/>
      <c r="F103" s="5"/>
      <c r="G103" s="14"/>
      <c r="H103" s="5"/>
      <c r="I103" s="6"/>
    </row>
    <row r="104" spans="1:9" ht="15.75" customHeight="1" x14ac:dyDescent="0.2">
      <c r="A104" s="47" t="s">
        <v>48</v>
      </c>
      <c r="B104" s="39"/>
      <c r="C104" s="17" t="s">
        <v>3</v>
      </c>
      <c r="D104" s="14">
        <v>17594</v>
      </c>
      <c r="E104" s="5">
        <v>16941</v>
      </c>
      <c r="F104" s="5"/>
      <c r="G104" s="14"/>
      <c r="H104" s="5"/>
      <c r="I104" s="6"/>
    </row>
    <row r="105" spans="1:9" ht="15.75" customHeight="1" x14ac:dyDescent="0.2">
      <c r="A105" s="45"/>
      <c r="B105" s="40"/>
      <c r="C105" s="17" t="s">
        <v>1</v>
      </c>
      <c r="D105" s="14">
        <v>84791</v>
      </c>
      <c r="E105" s="5">
        <v>85444</v>
      </c>
      <c r="F105" s="5"/>
      <c r="G105" s="14"/>
      <c r="H105" s="5"/>
      <c r="I105" s="6"/>
    </row>
    <row r="106" spans="1:9" ht="15.75" customHeight="1" x14ac:dyDescent="0.2">
      <c r="A106" s="46"/>
      <c r="B106" s="41"/>
      <c r="C106" s="18" t="s">
        <v>2</v>
      </c>
      <c r="D106" s="14"/>
      <c r="E106" s="5"/>
      <c r="F106" s="5"/>
      <c r="G106" s="14"/>
      <c r="H106" s="5"/>
      <c r="I106" s="6"/>
    </row>
    <row r="107" spans="1:9" ht="15.75" customHeight="1" x14ac:dyDescent="0.2">
      <c r="A107" s="47" t="s">
        <v>49</v>
      </c>
      <c r="B107" s="39"/>
      <c r="C107" s="17" t="s">
        <v>3</v>
      </c>
      <c r="D107" s="14">
        <v>13876</v>
      </c>
      <c r="E107" s="5">
        <v>13606</v>
      </c>
      <c r="F107" s="5"/>
      <c r="G107" s="14"/>
      <c r="H107" s="5"/>
      <c r="I107" s="6"/>
    </row>
    <row r="108" spans="1:9" ht="15.75" customHeight="1" x14ac:dyDescent="0.2">
      <c r="A108" s="45"/>
      <c r="B108" s="40"/>
      <c r="C108" s="17" t="s">
        <v>1</v>
      </c>
      <c r="D108" s="14">
        <v>77185</v>
      </c>
      <c r="E108" s="5">
        <v>77455</v>
      </c>
      <c r="F108" s="5"/>
      <c r="G108" s="14"/>
      <c r="H108" s="5"/>
      <c r="I108" s="6"/>
    </row>
    <row r="109" spans="1:9" ht="15.75" customHeight="1" x14ac:dyDescent="0.2">
      <c r="A109" s="46"/>
      <c r="B109" s="41"/>
      <c r="C109" s="18" t="s">
        <v>2</v>
      </c>
      <c r="D109" s="14"/>
      <c r="E109" s="5"/>
      <c r="F109" s="15"/>
      <c r="G109" s="14"/>
      <c r="H109" s="5"/>
      <c r="I109" s="6"/>
    </row>
    <row r="110" spans="1:9" ht="15.75" customHeight="1" x14ac:dyDescent="0.2">
      <c r="A110" s="47" t="s">
        <v>50</v>
      </c>
      <c r="B110" s="39"/>
      <c r="C110" s="17" t="s">
        <v>3</v>
      </c>
      <c r="D110" s="14">
        <v>34147</v>
      </c>
      <c r="E110" s="5">
        <v>33536</v>
      </c>
      <c r="F110" s="5"/>
      <c r="G110" s="14"/>
      <c r="H110" s="5"/>
      <c r="I110" s="6"/>
    </row>
    <row r="111" spans="1:9" ht="15.75" customHeight="1" x14ac:dyDescent="0.2">
      <c r="A111" s="45"/>
      <c r="B111" s="40"/>
      <c r="C111" s="17" t="s">
        <v>1</v>
      </c>
      <c r="D111" s="14">
        <v>165888</v>
      </c>
      <c r="E111" s="5">
        <v>166499</v>
      </c>
      <c r="F111" s="5"/>
      <c r="G111" s="14"/>
      <c r="H111" s="5"/>
      <c r="I111" s="6"/>
    </row>
    <row r="112" spans="1:9" ht="15.75" customHeight="1" x14ac:dyDescent="0.2">
      <c r="A112" s="46"/>
      <c r="B112" s="41"/>
      <c r="C112" s="18" t="s">
        <v>2</v>
      </c>
      <c r="D112" s="14"/>
      <c r="E112" s="5"/>
      <c r="F112" s="5"/>
      <c r="G112" s="14"/>
      <c r="H112" s="5"/>
      <c r="I112" s="6"/>
    </row>
    <row r="113" spans="1:9" ht="15.75" customHeight="1" x14ac:dyDescent="0.2">
      <c r="A113" s="47" t="s">
        <v>51</v>
      </c>
      <c r="B113" s="39"/>
      <c r="C113" s="17" t="s">
        <v>3</v>
      </c>
      <c r="D113" s="14">
        <v>11412</v>
      </c>
      <c r="E113" s="5">
        <v>10953</v>
      </c>
      <c r="F113" s="5"/>
      <c r="G113" s="14"/>
      <c r="H113" s="5"/>
      <c r="I113" s="6"/>
    </row>
    <row r="114" spans="1:9" ht="15.75" customHeight="1" x14ac:dyDescent="0.2">
      <c r="A114" s="45"/>
      <c r="B114" s="40"/>
      <c r="C114" s="17" t="s">
        <v>1</v>
      </c>
      <c r="D114" s="14">
        <v>63783</v>
      </c>
      <c r="E114" s="5">
        <v>64242</v>
      </c>
      <c r="F114" s="5"/>
      <c r="G114" s="14"/>
      <c r="H114" s="5"/>
      <c r="I114" s="6"/>
    </row>
    <row r="115" spans="1:9" ht="15.75" customHeight="1" x14ac:dyDescent="0.2">
      <c r="A115" s="46"/>
      <c r="B115" s="41"/>
      <c r="C115" s="18" t="s">
        <v>2</v>
      </c>
      <c r="D115" s="14"/>
      <c r="E115" s="5"/>
      <c r="F115" s="5"/>
      <c r="G115" s="14"/>
      <c r="H115" s="5"/>
      <c r="I115" s="6"/>
    </row>
    <row r="116" spans="1:9" ht="15.75" customHeight="1" x14ac:dyDescent="0.2">
      <c r="A116" s="47" t="s">
        <v>52</v>
      </c>
      <c r="B116" s="39"/>
      <c r="C116" s="17" t="s">
        <v>3</v>
      </c>
      <c r="D116" s="14">
        <v>18033</v>
      </c>
      <c r="E116" s="5">
        <v>17447</v>
      </c>
      <c r="F116" s="5"/>
      <c r="G116" s="14"/>
      <c r="H116" s="5"/>
      <c r="I116" s="6"/>
    </row>
    <row r="117" spans="1:9" ht="15.75" customHeight="1" x14ac:dyDescent="0.2">
      <c r="A117" s="45"/>
      <c r="B117" s="40"/>
      <c r="C117" s="17" t="s">
        <v>1</v>
      </c>
      <c r="D117" s="14">
        <v>92538</v>
      </c>
      <c r="E117" s="5">
        <v>93124</v>
      </c>
      <c r="F117" s="5"/>
      <c r="G117" s="14"/>
      <c r="H117" s="5"/>
      <c r="I117" s="6"/>
    </row>
    <row r="118" spans="1:9" ht="15.75" customHeight="1" x14ac:dyDescent="0.2">
      <c r="A118" s="46"/>
      <c r="B118" s="41"/>
      <c r="C118" s="18" t="s">
        <v>2</v>
      </c>
      <c r="D118" s="14"/>
      <c r="E118" s="5"/>
      <c r="F118" s="5"/>
      <c r="G118" s="14"/>
      <c r="H118" s="5"/>
      <c r="I118" s="6"/>
    </row>
    <row r="119" spans="1:9" ht="15.75" customHeight="1" x14ac:dyDescent="0.2">
      <c r="A119" s="47" t="s">
        <v>53</v>
      </c>
      <c r="B119" s="39"/>
      <c r="C119" s="17" t="s">
        <v>3</v>
      </c>
      <c r="D119" s="14">
        <v>4947</v>
      </c>
      <c r="E119" s="5">
        <v>4755</v>
      </c>
      <c r="F119" s="5"/>
      <c r="G119" s="14"/>
      <c r="H119" s="5"/>
      <c r="I119" s="6"/>
    </row>
    <row r="120" spans="1:9" ht="15.75" customHeight="1" x14ac:dyDescent="0.2">
      <c r="A120" s="45"/>
      <c r="B120" s="40"/>
      <c r="C120" s="17" t="s">
        <v>1</v>
      </c>
      <c r="D120" s="14">
        <v>24587</v>
      </c>
      <c r="E120" s="5">
        <v>24779</v>
      </c>
      <c r="F120" s="5"/>
      <c r="G120" s="14"/>
      <c r="H120" s="5"/>
      <c r="I120" s="6"/>
    </row>
    <row r="121" spans="1:9" ht="15.75" customHeight="1" x14ac:dyDescent="0.2">
      <c r="A121" s="46"/>
      <c r="B121" s="41"/>
      <c r="C121" s="18" t="s">
        <v>2</v>
      </c>
      <c r="D121" s="14"/>
      <c r="E121" s="5"/>
      <c r="F121" s="5"/>
      <c r="G121" s="14"/>
      <c r="H121" s="5"/>
      <c r="I121" s="6"/>
    </row>
    <row r="122" spans="1:9" ht="15.75" customHeight="1" x14ac:dyDescent="0.2">
      <c r="A122" s="47" t="s">
        <v>54</v>
      </c>
      <c r="B122" s="39"/>
      <c r="C122" s="17" t="s">
        <v>3</v>
      </c>
      <c r="D122" s="14">
        <v>2538</v>
      </c>
      <c r="E122" s="5">
        <v>2409</v>
      </c>
      <c r="F122" s="5"/>
      <c r="G122" s="14"/>
      <c r="H122" s="5"/>
      <c r="I122" s="6"/>
    </row>
    <row r="123" spans="1:9" ht="15.75" customHeight="1" x14ac:dyDescent="0.2">
      <c r="A123" s="45"/>
      <c r="B123" s="40"/>
      <c r="C123" s="17" t="s">
        <v>1</v>
      </c>
      <c r="D123" s="14">
        <v>16078</v>
      </c>
      <c r="E123" s="5">
        <v>16207</v>
      </c>
      <c r="F123" s="5"/>
      <c r="G123" s="14"/>
      <c r="H123" s="5"/>
      <c r="I123" s="6"/>
    </row>
    <row r="124" spans="1:9" ht="15.75" customHeight="1" x14ac:dyDescent="0.2">
      <c r="A124" s="46"/>
      <c r="B124" s="41"/>
      <c r="C124" s="18" t="s">
        <v>2</v>
      </c>
      <c r="D124" s="14"/>
      <c r="E124" s="5"/>
      <c r="F124" s="5"/>
      <c r="G124" s="14"/>
      <c r="H124" s="5"/>
      <c r="I124" s="6"/>
    </row>
    <row r="125" spans="1:9" ht="15.75" customHeight="1" x14ac:dyDescent="0.2">
      <c r="A125" s="47" t="s">
        <v>55</v>
      </c>
      <c r="B125" s="39"/>
      <c r="C125" s="17" t="s">
        <v>3</v>
      </c>
      <c r="D125" s="14">
        <v>10007</v>
      </c>
      <c r="E125" s="5">
        <v>9765</v>
      </c>
      <c r="F125" s="5"/>
      <c r="G125" s="14"/>
      <c r="H125" s="5"/>
      <c r="I125" s="6"/>
    </row>
    <row r="126" spans="1:9" ht="15.75" customHeight="1" x14ac:dyDescent="0.2">
      <c r="A126" s="45"/>
      <c r="B126" s="40"/>
      <c r="C126" s="17" t="s">
        <v>1</v>
      </c>
      <c r="D126" s="14">
        <v>53089</v>
      </c>
      <c r="E126" s="5">
        <v>53331</v>
      </c>
      <c r="F126" s="5"/>
      <c r="G126" s="14"/>
      <c r="H126" s="5"/>
      <c r="I126" s="6"/>
    </row>
    <row r="127" spans="1:9" ht="15.75" customHeight="1" x14ac:dyDescent="0.2">
      <c r="A127" s="46"/>
      <c r="B127" s="41"/>
      <c r="C127" s="18" t="s">
        <v>2</v>
      </c>
      <c r="D127" s="14"/>
      <c r="E127" s="5"/>
      <c r="F127" s="15"/>
      <c r="G127" s="14"/>
      <c r="H127" s="5"/>
      <c r="I127" s="6"/>
    </row>
    <row r="128" spans="1:9" ht="15.75" customHeight="1" x14ac:dyDescent="0.2">
      <c r="A128" s="47" t="s">
        <v>56</v>
      </c>
      <c r="B128" s="39"/>
      <c r="C128" s="17" t="s">
        <v>3</v>
      </c>
      <c r="D128" s="14">
        <v>14776</v>
      </c>
      <c r="E128" s="5">
        <v>14245</v>
      </c>
      <c r="F128" s="5"/>
      <c r="G128" s="14"/>
      <c r="H128" s="5"/>
      <c r="I128" s="6"/>
    </row>
    <row r="129" spans="1:9" ht="15.75" customHeight="1" x14ac:dyDescent="0.2">
      <c r="A129" s="45"/>
      <c r="B129" s="40"/>
      <c r="C129" s="17" t="s">
        <v>1</v>
      </c>
      <c r="D129" s="14">
        <v>75303</v>
      </c>
      <c r="E129" s="5">
        <v>75834</v>
      </c>
      <c r="F129" s="5"/>
      <c r="G129" s="14"/>
      <c r="H129" s="5"/>
      <c r="I129" s="6"/>
    </row>
    <row r="130" spans="1:9" ht="15.75" customHeight="1" x14ac:dyDescent="0.2">
      <c r="A130" s="46"/>
      <c r="B130" s="41"/>
      <c r="C130" s="18" t="s">
        <v>2</v>
      </c>
      <c r="D130" s="14"/>
      <c r="E130" s="5"/>
      <c r="F130" s="5"/>
      <c r="G130" s="14"/>
      <c r="H130" s="5"/>
      <c r="I130" s="6"/>
    </row>
    <row r="131" spans="1:9" ht="15.75" customHeight="1" x14ac:dyDescent="0.2">
      <c r="A131" s="47" t="s">
        <v>57</v>
      </c>
      <c r="B131" s="39"/>
      <c r="C131" s="17" t="s">
        <v>3</v>
      </c>
      <c r="D131" s="14">
        <v>18193</v>
      </c>
      <c r="E131" s="5">
        <v>17837</v>
      </c>
      <c r="F131" s="5"/>
      <c r="G131" s="14"/>
      <c r="H131" s="5"/>
      <c r="I131" s="6"/>
    </row>
    <row r="132" spans="1:9" ht="15.75" customHeight="1" x14ac:dyDescent="0.2">
      <c r="A132" s="45"/>
      <c r="B132" s="40"/>
      <c r="C132" s="17" t="s">
        <v>1</v>
      </c>
      <c r="D132" s="14">
        <v>89040</v>
      </c>
      <c r="E132" s="5">
        <v>89396</v>
      </c>
      <c r="F132" s="5"/>
      <c r="G132" s="14"/>
      <c r="H132" s="5"/>
      <c r="I132" s="6"/>
    </row>
    <row r="133" spans="1:9" ht="15.75" customHeight="1" x14ac:dyDescent="0.2">
      <c r="A133" s="46"/>
      <c r="B133" s="41"/>
      <c r="C133" s="18" t="s">
        <v>2</v>
      </c>
      <c r="D133" s="14"/>
      <c r="E133" s="5"/>
      <c r="F133" s="5"/>
      <c r="G133" s="14"/>
      <c r="H133" s="5"/>
      <c r="I133" s="6"/>
    </row>
    <row r="134" spans="1:9" ht="15.75" customHeight="1" x14ac:dyDescent="0.2">
      <c r="A134" s="47" t="s">
        <v>58</v>
      </c>
      <c r="B134" s="39"/>
      <c r="C134" s="17" t="s">
        <v>3</v>
      </c>
      <c r="D134" s="14">
        <v>6451</v>
      </c>
      <c r="E134" s="5">
        <v>6258</v>
      </c>
      <c r="F134" s="5"/>
      <c r="G134" s="14"/>
      <c r="H134" s="5"/>
      <c r="I134" s="6"/>
    </row>
    <row r="135" spans="1:9" ht="15.75" customHeight="1" x14ac:dyDescent="0.2">
      <c r="A135" s="45"/>
      <c r="B135" s="40"/>
      <c r="C135" s="17" t="s">
        <v>1</v>
      </c>
      <c r="D135" s="14">
        <v>35441</v>
      </c>
      <c r="E135" s="5">
        <v>35634</v>
      </c>
      <c r="F135" s="5"/>
      <c r="G135" s="14"/>
      <c r="H135" s="5"/>
      <c r="I135" s="6"/>
    </row>
    <row r="136" spans="1:9" ht="15.75" customHeight="1" x14ac:dyDescent="0.2">
      <c r="A136" s="46"/>
      <c r="B136" s="41"/>
      <c r="C136" s="18" t="s">
        <v>2</v>
      </c>
      <c r="D136" s="14"/>
      <c r="E136" s="5"/>
      <c r="F136" s="5"/>
      <c r="G136" s="14"/>
      <c r="H136" s="5"/>
      <c r="I136" s="6"/>
    </row>
    <row r="137" spans="1:9" ht="15.75" customHeight="1" x14ac:dyDescent="0.2">
      <c r="A137" s="47" t="s">
        <v>59</v>
      </c>
      <c r="B137" s="39"/>
      <c r="C137" s="17" t="s">
        <v>3</v>
      </c>
      <c r="D137" s="14">
        <v>10183</v>
      </c>
      <c r="E137" s="5">
        <v>9836</v>
      </c>
      <c r="F137" s="5"/>
      <c r="G137" s="14"/>
      <c r="H137" s="5"/>
      <c r="I137" s="6"/>
    </row>
    <row r="138" spans="1:9" ht="15.75" customHeight="1" x14ac:dyDescent="0.2">
      <c r="A138" s="45"/>
      <c r="B138" s="40"/>
      <c r="C138" s="17" t="s">
        <v>1</v>
      </c>
      <c r="D138" s="14">
        <v>55387</v>
      </c>
      <c r="E138" s="5">
        <v>55734</v>
      </c>
      <c r="F138" s="5"/>
      <c r="G138" s="14"/>
      <c r="H138" s="5"/>
      <c r="I138" s="6"/>
    </row>
    <row r="139" spans="1:9" ht="15.75" customHeight="1" x14ac:dyDescent="0.2">
      <c r="A139" s="46"/>
      <c r="B139" s="41"/>
      <c r="C139" s="18" t="s">
        <v>2</v>
      </c>
      <c r="D139" s="14"/>
      <c r="E139" s="5"/>
      <c r="F139" s="5"/>
      <c r="G139" s="14"/>
      <c r="H139" s="5"/>
      <c r="I139" s="6"/>
    </row>
    <row r="140" spans="1:9" ht="15.75" customHeight="1" x14ac:dyDescent="0.2">
      <c r="A140" s="47" t="s">
        <v>60</v>
      </c>
      <c r="B140" s="39"/>
      <c r="C140" s="17" t="s">
        <v>3</v>
      </c>
      <c r="D140" s="14">
        <v>9438</v>
      </c>
      <c r="E140" s="5">
        <v>9123</v>
      </c>
      <c r="F140" s="5"/>
      <c r="G140" s="14"/>
      <c r="H140" s="5"/>
      <c r="I140" s="6"/>
    </row>
    <row r="141" spans="1:9" ht="15.75" customHeight="1" x14ac:dyDescent="0.2">
      <c r="A141" s="45"/>
      <c r="B141" s="40"/>
      <c r="C141" s="17" t="s">
        <v>1</v>
      </c>
      <c r="D141" s="14">
        <v>44948</v>
      </c>
      <c r="E141" s="5">
        <v>45263</v>
      </c>
      <c r="F141" s="5"/>
      <c r="G141" s="14"/>
      <c r="H141" s="5"/>
      <c r="I141" s="6"/>
    </row>
    <row r="142" spans="1:9" ht="15.75" customHeight="1" x14ac:dyDescent="0.2">
      <c r="A142" s="46"/>
      <c r="B142" s="41"/>
      <c r="C142" s="18" t="s">
        <v>2</v>
      </c>
      <c r="D142" s="14"/>
      <c r="E142" s="5"/>
      <c r="F142" s="5"/>
      <c r="G142" s="14"/>
      <c r="H142" s="5"/>
      <c r="I142" s="6"/>
    </row>
    <row r="143" spans="1:9" ht="15.75" customHeight="1" x14ac:dyDescent="0.2">
      <c r="A143" s="47" t="s">
        <v>61</v>
      </c>
      <c r="B143" s="39"/>
      <c r="C143" s="17" t="s">
        <v>3</v>
      </c>
      <c r="D143" s="14">
        <v>2175</v>
      </c>
      <c r="E143" s="5">
        <v>2086</v>
      </c>
      <c r="F143" s="5"/>
      <c r="G143" s="14"/>
      <c r="H143" s="5"/>
      <c r="I143" s="6"/>
    </row>
    <row r="144" spans="1:9" ht="15.75" customHeight="1" x14ac:dyDescent="0.2">
      <c r="A144" s="45"/>
      <c r="B144" s="40"/>
      <c r="C144" s="17" t="s">
        <v>1</v>
      </c>
      <c r="D144" s="14">
        <v>14389</v>
      </c>
      <c r="E144" s="5">
        <v>14478</v>
      </c>
      <c r="F144" s="5"/>
      <c r="G144" s="14"/>
      <c r="H144" s="5"/>
      <c r="I144" s="6"/>
    </row>
    <row r="145" spans="1:9" ht="15.75" customHeight="1" x14ac:dyDescent="0.2">
      <c r="A145" s="46"/>
      <c r="B145" s="41"/>
      <c r="C145" s="18" t="s">
        <v>2</v>
      </c>
      <c r="D145" s="14"/>
      <c r="E145" s="5"/>
      <c r="F145" s="5"/>
      <c r="G145" s="14"/>
      <c r="H145" s="5"/>
      <c r="I145" s="6"/>
    </row>
    <row r="146" spans="1:9" ht="15.75" customHeight="1" x14ac:dyDescent="0.2">
      <c r="A146" s="47" t="s">
        <v>62</v>
      </c>
      <c r="B146" s="39"/>
      <c r="C146" s="17" t="s">
        <v>3</v>
      </c>
      <c r="D146" s="14">
        <v>5011</v>
      </c>
      <c r="E146" s="5">
        <v>4793</v>
      </c>
      <c r="F146" s="5"/>
      <c r="G146" s="14"/>
      <c r="H146" s="5"/>
      <c r="I146" s="6"/>
    </row>
    <row r="147" spans="1:9" ht="15.75" customHeight="1" x14ac:dyDescent="0.2">
      <c r="A147" s="45"/>
      <c r="B147" s="40"/>
      <c r="C147" s="17" t="s">
        <v>1</v>
      </c>
      <c r="D147" s="14">
        <v>26448</v>
      </c>
      <c r="E147" s="5">
        <v>26669</v>
      </c>
      <c r="F147" s="5"/>
      <c r="G147" s="14"/>
      <c r="H147" s="5"/>
      <c r="I147" s="6"/>
    </row>
    <row r="148" spans="1:9" ht="15.75" customHeight="1" x14ac:dyDescent="0.2">
      <c r="A148" s="46"/>
      <c r="B148" s="41"/>
      <c r="C148" s="18" t="s">
        <v>2</v>
      </c>
      <c r="D148" s="14">
        <v>5</v>
      </c>
      <c r="E148" s="5">
        <v>2</v>
      </c>
      <c r="F148" s="5"/>
      <c r="G148" s="14"/>
      <c r="H148" s="5"/>
      <c r="I148" s="6"/>
    </row>
    <row r="149" spans="1:9" ht="15.75" customHeight="1" x14ac:dyDescent="0.2">
      <c r="A149" s="47" t="s">
        <v>63</v>
      </c>
      <c r="B149" s="39"/>
      <c r="C149" s="17" t="s">
        <v>3</v>
      </c>
      <c r="D149" s="14">
        <v>2677</v>
      </c>
      <c r="E149" s="5">
        <v>2565</v>
      </c>
      <c r="F149" s="15"/>
      <c r="G149" s="14"/>
      <c r="H149" s="5"/>
      <c r="I149" s="6"/>
    </row>
    <row r="150" spans="1:9" ht="15.75" customHeight="1" x14ac:dyDescent="0.2">
      <c r="A150" s="45"/>
      <c r="B150" s="40"/>
      <c r="C150" s="17" t="s">
        <v>1</v>
      </c>
      <c r="D150" s="14">
        <v>13197</v>
      </c>
      <c r="E150" s="5">
        <v>13309</v>
      </c>
      <c r="F150" s="5"/>
      <c r="G150" s="14"/>
      <c r="H150" s="5"/>
      <c r="I150" s="6"/>
    </row>
    <row r="151" spans="1:9" ht="15.75" customHeight="1" x14ac:dyDescent="0.2">
      <c r="A151" s="46"/>
      <c r="B151" s="41"/>
      <c r="C151" s="18" t="s">
        <v>2</v>
      </c>
      <c r="D151" s="14"/>
      <c r="E151" s="5"/>
      <c r="F151" s="5"/>
      <c r="G151" s="14"/>
      <c r="H151" s="5"/>
      <c r="I151" s="6"/>
    </row>
    <row r="152" spans="1:9" ht="15.75" customHeight="1" x14ac:dyDescent="0.2">
      <c r="A152" s="10"/>
      <c r="B152" s="39" t="s">
        <v>64</v>
      </c>
      <c r="C152" s="17" t="s">
        <v>3</v>
      </c>
      <c r="D152" s="14">
        <v>2677</v>
      </c>
      <c r="E152" s="5">
        <v>2565</v>
      </c>
      <c r="F152" s="5"/>
      <c r="G152" s="14"/>
      <c r="H152" s="5"/>
      <c r="I152" s="6"/>
    </row>
    <row r="153" spans="1:9" ht="15.75" customHeight="1" x14ac:dyDescent="0.2">
      <c r="A153" s="10"/>
      <c r="B153" s="40"/>
      <c r="C153" s="17" t="s">
        <v>1</v>
      </c>
      <c r="D153" s="14">
        <v>13197</v>
      </c>
      <c r="E153" s="5">
        <v>13309</v>
      </c>
      <c r="F153" s="5"/>
      <c r="G153" s="14"/>
      <c r="H153" s="5"/>
      <c r="I153" s="6"/>
    </row>
    <row r="154" spans="1:9" ht="15.75" customHeight="1" x14ac:dyDescent="0.2">
      <c r="A154" s="4"/>
      <c r="B154" s="41"/>
      <c r="C154" s="18" t="s">
        <v>2</v>
      </c>
      <c r="D154" s="14"/>
      <c r="E154" s="5"/>
      <c r="F154" s="5"/>
      <c r="G154" s="14"/>
      <c r="H154" s="5"/>
      <c r="I154" s="6"/>
    </row>
    <row r="155" spans="1:9" ht="15.75" customHeight="1" x14ac:dyDescent="0.2">
      <c r="A155" s="47" t="s">
        <v>65</v>
      </c>
      <c r="B155" s="39"/>
      <c r="C155" s="17" t="s">
        <v>3</v>
      </c>
      <c r="D155" s="14">
        <v>2814</v>
      </c>
      <c r="E155" s="5">
        <v>2691</v>
      </c>
      <c r="F155" s="5"/>
      <c r="G155" s="14"/>
      <c r="H155" s="5"/>
      <c r="I155" s="6"/>
    </row>
    <row r="156" spans="1:9" ht="15.75" customHeight="1" x14ac:dyDescent="0.2">
      <c r="A156" s="45"/>
      <c r="B156" s="40"/>
      <c r="C156" s="17" t="s">
        <v>1</v>
      </c>
      <c r="D156" s="14">
        <v>15077</v>
      </c>
      <c r="E156" s="5">
        <v>15200</v>
      </c>
      <c r="F156" s="5"/>
      <c r="G156" s="14"/>
      <c r="H156" s="5"/>
      <c r="I156" s="6"/>
    </row>
    <row r="157" spans="1:9" ht="15.75" customHeight="1" x14ac:dyDescent="0.2">
      <c r="A157" s="46"/>
      <c r="B157" s="41"/>
      <c r="C157" s="18" t="s">
        <v>2</v>
      </c>
      <c r="D157" s="14"/>
      <c r="E157" s="5"/>
      <c r="F157" s="5"/>
      <c r="G157" s="14"/>
      <c r="H157" s="5"/>
      <c r="I157" s="6"/>
    </row>
    <row r="158" spans="1:9" ht="15.75" customHeight="1" x14ac:dyDescent="0.2">
      <c r="A158" s="10"/>
      <c r="B158" s="39" t="s">
        <v>66</v>
      </c>
      <c r="C158" s="17" t="s">
        <v>3</v>
      </c>
      <c r="D158" s="14">
        <v>2814</v>
      </c>
      <c r="E158" s="5">
        <v>2691</v>
      </c>
      <c r="F158" s="5"/>
      <c r="G158" s="14"/>
      <c r="H158" s="5"/>
      <c r="I158" s="6"/>
    </row>
    <row r="159" spans="1:9" ht="15.75" customHeight="1" x14ac:dyDescent="0.2">
      <c r="A159" s="10"/>
      <c r="B159" s="40"/>
      <c r="C159" s="17" t="s">
        <v>1</v>
      </c>
      <c r="D159" s="14">
        <v>15077</v>
      </c>
      <c r="E159" s="5">
        <v>15200</v>
      </c>
      <c r="F159" s="5"/>
      <c r="G159" s="14"/>
      <c r="H159" s="5"/>
      <c r="I159" s="6"/>
    </row>
    <row r="160" spans="1:9" ht="15.75" customHeight="1" x14ac:dyDescent="0.2">
      <c r="A160" s="4"/>
      <c r="B160" s="41"/>
      <c r="C160" s="18" t="s">
        <v>2</v>
      </c>
      <c r="D160" s="14"/>
      <c r="E160" s="5"/>
      <c r="F160" s="5"/>
      <c r="G160" s="14"/>
      <c r="H160" s="5"/>
      <c r="I160" s="6"/>
    </row>
    <row r="161" spans="1:9" ht="15.75" customHeight="1" x14ac:dyDescent="0.2">
      <c r="A161" s="47" t="s">
        <v>67</v>
      </c>
      <c r="B161" s="39"/>
      <c r="C161" s="17" t="s">
        <v>3</v>
      </c>
      <c r="D161" s="14">
        <v>4216</v>
      </c>
      <c r="E161" s="5">
        <v>4137</v>
      </c>
      <c r="F161" s="5"/>
      <c r="G161" s="14"/>
      <c r="H161" s="5"/>
      <c r="I161" s="6"/>
    </row>
    <row r="162" spans="1:9" ht="15.75" customHeight="1" x14ac:dyDescent="0.2">
      <c r="A162" s="45"/>
      <c r="B162" s="40"/>
      <c r="C162" s="17" t="s">
        <v>1</v>
      </c>
      <c r="D162" s="14">
        <v>22526</v>
      </c>
      <c r="E162" s="5">
        <v>22605</v>
      </c>
      <c r="F162" s="5"/>
      <c r="G162" s="14"/>
      <c r="H162" s="5"/>
      <c r="I162" s="6"/>
    </row>
    <row r="163" spans="1:9" ht="15.75" customHeight="1" x14ac:dyDescent="0.2">
      <c r="A163" s="46"/>
      <c r="B163" s="41"/>
      <c r="C163" s="18" t="s">
        <v>2</v>
      </c>
      <c r="D163" s="14"/>
      <c r="E163" s="5"/>
      <c r="F163" s="5"/>
      <c r="G163" s="14"/>
      <c r="H163" s="5"/>
      <c r="I163" s="6"/>
    </row>
    <row r="164" spans="1:9" ht="15.75" customHeight="1" x14ac:dyDescent="0.2">
      <c r="A164" s="10"/>
      <c r="B164" s="39" t="s">
        <v>68</v>
      </c>
      <c r="C164" s="17" t="s">
        <v>3</v>
      </c>
      <c r="D164" s="14">
        <v>2296</v>
      </c>
      <c r="E164" s="5">
        <v>2293</v>
      </c>
      <c r="F164" s="5"/>
      <c r="G164" s="14"/>
      <c r="H164" s="5"/>
      <c r="I164" s="6"/>
    </row>
    <row r="165" spans="1:9" ht="15.75" customHeight="1" x14ac:dyDescent="0.2">
      <c r="A165" s="10"/>
      <c r="B165" s="40"/>
      <c r="C165" s="17" t="s">
        <v>1</v>
      </c>
      <c r="D165" s="14">
        <v>11833</v>
      </c>
      <c r="E165" s="5">
        <v>11836</v>
      </c>
      <c r="F165" s="5"/>
      <c r="G165" s="14"/>
      <c r="H165" s="5"/>
      <c r="I165" s="6"/>
    </row>
    <row r="166" spans="1:9" ht="15.75" customHeight="1" x14ac:dyDescent="0.2">
      <c r="A166" s="4"/>
      <c r="B166" s="41"/>
      <c r="C166" s="18" t="s">
        <v>2</v>
      </c>
      <c r="D166" s="14"/>
      <c r="E166" s="5"/>
      <c r="F166" s="5"/>
      <c r="G166" s="14"/>
      <c r="H166" s="5"/>
      <c r="I166" s="6"/>
    </row>
    <row r="167" spans="1:9" ht="15.75" customHeight="1" x14ac:dyDescent="0.2">
      <c r="A167" s="9"/>
      <c r="B167" s="39" t="s">
        <v>69</v>
      </c>
      <c r="C167" s="17" t="s">
        <v>3</v>
      </c>
      <c r="D167" s="14">
        <v>1920</v>
      </c>
      <c r="E167" s="5">
        <v>1844</v>
      </c>
      <c r="F167" s="5"/>
      <c r="G167" s="14"/>
      <c r="H167" s="5"/>
      <c r="I167" s="6"/>
    </row>
    <row r="168" spans="1:9" ht="15.75" customHeight="1" x14ac:dyDescent="0.2">
      <c r="A168" s="9"/>
      <c r="B168" s="40"/>
      <c r="C168" s="17" t="s">
        <v>1</v>
      </c>
      <c r="D168" s="14">
        <v>10693</v>
      </c>
      <c r="E168" s="5">
        <v>10769</v>
      </c>
      <c r="F168" s="5"/>
      <c r="G168" s="14"/>
      <c r="H168" s="5"/>
      <c r="I168" s="6"/>
    </row>
    <row r="169" spans="1:9" ht="15.75" customHeight="1" x14ac:dyDescent="0.2">
      <c r="A169" s="4"/>
      <c r="B169" s="41"/>
      <c r="C169" s="18" t="s">
        <v>2</v>
      </c>
      <c r="D169" s="14"/>
      <c r="E169" s="5"/>
      <c r="F169" s="5"/>
      <c r="G169" s="14"/>
      <c r="H169" s="5"/>
      <c r="I169" s="6"/>
    </row>
    <row r="170" spans="1:9" ht="15.75" customHeight="1" x14ac:dyDescent="0.2">
      <c r="A170" s="47" t="s">
        <v>70</v>
      </c>
      <c r="B170" s="39"/>
      <c r="C170" s="17" t="s">
        <v>3</v>
      </c>
      <c r="D170" s="14">
        <v>3569</v>
      </c>
      <c r="E170" s="5">
        <v>3465</v>
      </c>
      <c r="F170" s="15"/>
      <c r="G170" s="14"/>
      <c r="H170" s="5"/>
      <c r="I170" s="6"/>
    </row>
    <row r="171" spans="1:9" ht="15.75" customHeight="1" x14ac:dyDescent="0.2">
      <c r="A171" s="45"/>
      <c r="B171" s="40"/>
      <c r="C171" s="17" t="s">
        <v>1</v>
      </c>
      <c r="D171" s="14">
        <v>24747</v>
      </c>
      <c r="E171" s="5">
        <v>24851</v>
      </c>
      <c r="F171" s="5"/>
      <c r="G171" s="14"/>
      <c r="H171" s="5"/>
      <c r="I171" s="6"/>
    </row>
    <row r="172" spans="1:9" ht="15.75" customHeight="1" x14ac:dyDescent="0.2">
      <c r="A172" s="46"/>
      <c r="B172" s="41"/>
      <c r="C172" s="18" t="s">
        <v>2</v>
      </c>
      <c r="D172" s="14"/>
      <c r="E172" s="5"/>
      <c r="F172" s="5"/>
      <c r="G172" s="14"/>
      <c r="H172" s="5"/>
      <c r="I172" s="6"/>
    </row>
    <row r="173" spans="1:9" ht="15.75" customHeight="1" x14ac:dyDescent="0.2">
      <c r="A173" s="10"/>
      <c r="B173" s="39" t="s">
        <v>71</v>
      </c>
      <c r="C173" s="17" t="s">
        <v>3</v>
      </c>
      <c r="D173" s="14">
        <v>466</v>
      </c>
      <c r="E173" s="5">
        <v>464</v>
      </c>
      <c r="F173" s="5"/>
      <c r="G173" s="14"/>
      <c r="H173" s="5"/>
      <c r="I173" s="6"/>
    </row>
    <row r="174" spans="1:9" ht="15.75" customHeight="1" x14ac:dyDescent="0.2">
      <c r="A174" s="10"/>
      <c r="B174" s="40"/>
      <c r="C174" s="17" t="s">
        <v>1</v>
      </c>
      <c r="D174" s="14">
        <v>3285</v>
      </c>
      <c r="E174" s="5">
        <v>3287</v>
      </c>
      <c r="F174" s="5"/>
      <c r="G174" s="14"/>
      <c r="H174" s="5"/>
      <c r="I174" s="6"/>
    </row>
    <row r="175" spans="1:9" ht="15.75" customHeight="1" x14ac:dyDescent="0.2">
      <c r="A175" s="4"/>
      <c r="B175" s="41"/>
      <c r="C175" s="18" t="s">
        <v>2</v>
      </c>
      <c r="D175" s="14"/>
      <c r="E175" s="5"/>
      <c r="F175" s="5"/>
      <c r="G175" s="14"/>
      <c r="H175" s="5"/>
      <c r="I175" s="6"/>
    </row>
    <row r="176" spans="1:9" ht="15.75" customHeight="1" x14ac:dyDescent="0.2">
      <c r="A176" s="12"/>
      <c r="B176" s="39" t="s">
        <v>72</v>
      </c>
      <c r="C176" s="17" t="s">
        <v>3</v>
      </c>
      <c r="D176" s="14">
        <v>893</v>
      </c>
      <c r="E176" s="5">
        <v>871</v>
      </c>
      <c r="F176" s="5"/>
      <c r="G176" s="14"/>
      <c r="H176" s="5"/>
      <c r="I176" s="6"/>
    </row>
    <row r="177" spans="1:9" ht="15.75" customHeight="1" x14ac:dyDescent="0.2">
      <c r="A177" s="9"/>
      <c r="B177" s="40"/>
      <c r="C177" s="17" t="s">
        <v>1</v>
      </c>
      <c r="D177" s="14">
        <v>6114</v>
      </c>
      <c r="E177" s="5">
        <v>6136</v>
      </c>
      <c r="F177" s="5"/>
      <c r="G177" s="14"/>
      <c r="H177" s="5"/>
      <c r="I177" s="6"/>
    </row>
    <row r="178" spans="1:9" ht="15.75" customHeight="1" x14ac:dyDescent="0.2">
      <c r="A178" s="4"/>
      <c r="B178" s="41"/>
      <c r="C178" s="18" t="s">
        <v>2</v>
      </c>
      <c r="D178" s="14"/>
      <c r="E178" s="5"/>
      <c r="F178" s="5"/>
      <c r="G178" s="14"/>
      <c r="H178" s="5"/>
      <c r="I178" s="6"/>
    </row>
    <row r="179" spans="1:9" ht="15.75" customHeight="1" x14ac:dyDescent="0.2">
      <c r="A179" s="9"/>
      <c r="B179" s="39" t="s">
        <v>73</v>
      </c>
      <c r="C179" s="17" t="s">
        <v>3</v>
      </c>
      <c r="D179" s="14">
        <v>640</v>
      </c>
      <c r="E179" s="5">
        <v>594</v>
      </c>
      <c r="F179" s="5"/>
      <c r="G179" s="14"/>
      <c r="H179" s="5"/>
      <c r="I179" s="6"/>
    </row>
    <row r="180" spans="1:9" ht="15.75" customHeight="1" x14ac:dyDescent="0.2">
      <c r="A180" s="9"/>
      <c r="B180" s="40"/>
      <c r="C180" s="17" t="s">
        <v>1</v>
      </c>
      <c r="D180" s="14">
        <v>4002</v>
      </c>
      <c r="E180" s="5">
        <v>4048</v>
      </c>
      <c r="F180" s="5"/>
      <c r="G180" s="14"/>
      <c r="H180" s="5"/>
      <c r="I180" s="6"/>
    </row>
    <row r="181" spans="1:9" ht="15.75" customHeight="1" x14ac:dyDescent="0.2">
      <c r="A181" s="4"/>
      <c r="B181" s="41"/>
      <c r="C181" s="18" t="s">
        <v>2</v>
      </c>
      <c r="D181" s="14"/>
      <c r="E181" s="5"/>
      <c r="F181" s="5"/>
      <c r="G181" s="14"/>
      <c r="H181" s="5"/>
      <c r="I181" s="6"/>
    </row>
    <row r="182" spans="1:9" ht="15.75" customHeight="1" x14ac:dyDescent="0.2">
      <c r="A182" s="9"/>
      <c r="B182" s="39" t="s">
        <v>74</v>
      </c>
      <c r="C182" s="17" t="s">
        <v>3</v>
      </c>
      <c r="D182" s="14">
        <v>539</v>
      </c>
      <c r="E182" s="5">
        <v>547</v>
      </c>
      <c r="F182" s="5"/>
      <c r="G182" s="14"/>
      <c r="H182" s="5"/>
      <c r="I182" s="6"/>
    </row>
    <row r="183" spans="1:9" ht="15.75" customHeight="1" x14ac:dyDescent="0.2">
      <c r="A183" s="9"/>
      <c r="B183" s="40"/>
      <c r="C183" s="17" t="s">
        <v>1</v>
      </c>
      <c r="D183" s="14">
        <v>3926</v>
      </c>
      <c r="E183" s="5">
        <v>3918</v>
      </c>
      <c r="F183" s="5"/>
      <c r="G183" s="14"/>
      <c r="H183" s="5"/>
      <c r="I183" s="6"/>
    </row>
    <row r="184" spans="1:9" ht="15.75" customHeight="1" x14ac:dyDescent="0.2">
      <c r="A184" s="4"/>
      <c r="B184" s="41"/>
      <c r="C184" s="18" t="s">
        <v>2</v>
      </c>
      <c r="D184" s="14"/>
      <c r="E184" s="5"/>
      <c r="F184" s="5"/>
      <c r="G184" s="14"/>
      <c r="H184" s="5"/>
      <c r="I184" s="6"/>
    </row>
    <row r="185" spans="1:9" ht="15.75" customHeight="1" x14ac:dyDescent="0.2">
      <c r="A185" s="12"/>
      <c r="B185" s="39" t="s">
        <v>75</v>
      </c>
      <c r="C185" s="17" t="s">
        <v>3</v>
      </c>
      <c r="D185" s="14">
        <v>1031</v>
      </c>
      <c r="E185" s="5">
        <v>989</v>
      </c>
      <c r="F185" s="5"/>
      <c r="G185" s="14"/>
      <c r="H185" s="5"/>
      <c r="I185" s="6"/>
    </row>
    <row r="186" spans="1:9" ht="15.75" customHeight="1" x14ac:dyDescent="0.2">
      <c r="A186" s="9"/>
      <c r="B186" s="40"/>
      <c r="C186" s="17" t="s">
        <v>1</v>
      </c>
      <c r="D186" s="14">
        <v>7420</v>
      </c>
      <c r="E186" s="5">
        <v>7462</v>
      </c>
      <c r="F186" s="5"/>
      <c r="G186" s="14"/>
      <c r="H186" s="5"/>
      <c r="I186" s="6"/>
    </row>
    <row r="187" spans="1:9" ht="15.75" customHeight="1" x14ac:dyDescent="0.2">
      <c r="A187" s="4"/>
      <c r="B187" s="41"/>
      <c r="C187" s="18" t="s">
        <v>2</v>
      </c>
      <c r="D187" s="14"/>
      <c r="E187" s="5"/>
      <c r="F187" s="5"/>
      <c r="G187" s="14"/>
      <c r="H187" s="5"/>
      <c r="I187" s="6"/>
    </row>
    <row r="188" spans="1:9" ht="15.75" customHeight="1" x14ac:dyDescent="0.2">
      <c r="A188" s="47" t="s">
        <v>76</v>
      </c>
      <c r="B188" s="39"/>
      <c r="C188" s="17" t="s">
        <v>3</v>
      </c>
      <c r="D188" s="14">
        <v>2038</v>
      </c>
      <c r="E188" s="5">
        <v>1955</v>
      </c>
      <c r="F188" s="5"/>
      <c r="G188" s="14"/>
      <c r="H188" s="5"/>
      <c r="I188" s="6"/>
    </row>
    <row r="189" spans="1:9" ht="15.75" customHeight="1" x14ac:dyDescent="0.2">
      <c r="A189" s="45"/>
      <c r="B189" s="40"/>
      <c r="C189" s="17" t="s">
        <v>1</v>
      </c>
      <c r="D189" s="14">
        <v>14490</v>
      </c>
      <c r="E189" s="5">
        <v>14573</v>
      </c>
      <c r="F189" s="5"/>
      <c r="G189" s="14"/>
      <c r="H189" s="5"/>
      <c r="I189" s="6"/>
    </row>
    <row r="190" spans="1:9" ht="15.75" customHeight="1" x14ac:dyDescent="0.2">
      <c r="A190" s="46"/>
      <c r="B190" s="41"/>
      <c r="C190" s="18" t="s">
        <v>2</v>
      </c>
      <c r="D190" s="14"/>
      <c r="E190" s="5"/>
      <c r="F190" s="5"/>
      <c r="G190" s="14"/>
      <c r="H190" s="5"/>
      <c r="I190" s="6"/>
    </row>
    <row r="191" spans="1:9" ht="15.75" customHeight="1" x14ac:dyDescent="0.2">
      <c r="A191" s="13"/>
      <c r="B191" s="39" t="s">
        <v>77</v>
      </c>
      <c r="C191" s="17" t="s">
        <v>3</v>
      </c>
      <c r="D191" s="14">
        <v>460</v>
      </c>
      <c r="E191" s="5">
        <v>441</v>
      </c>
      <c r="F191" s="5"/>
      <c r="G191" s="14"/>
      <c r="H191" s="5"/>
      <c r="I191" s="6"/>
    </row>
    <row r="192" spans="1:9" ht="15.75" customHeight="1" x14ac:dyDescent="0.2">
      <c r="A192" s="10"/>
      <c r="B192" s="40"/>
      <c r="C192" s="17" t="s">
        <v>1</v>
      </c>
      <c r="D192" s="14">
        <v>3335</v>
      </c>
      <c r="E192" s="5">
        <v>3354</v>
      </c>
      <c r="F192" s="5"/>
      <c r="G192" s="14"/>
      <c r="H192" s="5"/>
      <c r="I192" s="6"/>
    </row>
    <row r="193" spans="1:9" ht="15.75" customHeight="1" x14ac:dyDescent="0.2">
      <c r="A193" s="4"/>
      <c r="B193" s="41"/>
      <c r="C193" s="18" t="s">
        <v>2</v>
      </c>
      <c r="D193" s="14"/>
      <c r="E193" s="5"/>
      <c r="F193" s="5"/>
      <c r="G193" s="14"/>
      <c r="H193" s="5"/>
      <c r="I193" s="6"/>
    </row>
    <row r="194" spans="1:9" ht="15.75" customHeight="1" x14ac:dyDescent="0.2">
      <c r="A194" s="9"/>
      <c r="B194" s="39" t="s">
        <v>78</v>
      </c>
      <c r="C194" s="17" t="s">
        <v>3</v>
      </c>
      <c r="D194" s="14">
        <v>369</v>
      </c>
      <c r="E194" s="5">
        <v>362</v>
      </c>
      <c r="F194" s="15"/>
      <c r="G194" s="14"/>
      <c r="H194" s="5"/>
      <c r="I194" s="6"/>
    </row>
    <row r="195" spans="1:9" ht="15.75" customHeight="1" x14ac:dyDescent="0.2">
      <c r="A195" s="9"/>
      <c r="B195" s="40"/>
      <c r="C195" s="17" t="s">
        <v>1</v>
      </c>
      <c r="D195" s="14">
        <v>2566</v>
      </c>
      <c r="E195" s="5">
        <v>2573</v>
      </c>
      <c r="F195" s="5"/>
      <c r="G195" s="14"/>
      <c r="H195" s="5"/>
      <c r="I195" s="6"/>
    </row>
    <row r="196" spans="1:9" ht="15.75" customHeight="1" x14ac:dyDescent="0.2">
      <c r="A196" s="4"/>
      <c r="B196" s="41"/>
      <c r="C196" s="18" t="s">
        <v>2</v>
      </c>
      <c r="D196" s="14"/>
      <c r="E196" s="5"/>
      <c r="F196" s="5"/>
      <c r="G196" s="14"/>
      <c r="H196" s="5"/>
      <c r="I196" s="6"/>
    </row>
    <row r="197" spans="1:9" ht="15.75" customHeight="1" x14ac:dyDescent="0.2">
      <c r="A197" s="12"/>
      <c r="B197" s="39" t="s">
        <v>79</v>
      </c>
      <c r="C197" s="17" t="s">
        <v>3</v>
      </c>
      <c r="D197" s="14">
        <v>1209</v>
      </c>
      <c r="E197" s="5">
        <v>1152</v>
      </c>
      <c r="F197" s="5"/>
      <c r="G197" s="14"/>
      <c r="H197" s="5"/>
      <c r="I197" s="6"/>
    </row>
    <row r="198" spans="1:9" ht="15.75" customHeight="1" x14ac:dyDescent="0.2">
      <c r="A198" s="9"/>
      <c r="B198" s="40"/>
      <c r="C198" s="17" t="s">
        <v>1</v>
      </c>
      <c r="D198" s="14">
        <v>8589</v>
      </c>
      <c r="E198" s="5">
        <v>8646</v>
      </c>
      <c r="F198" s="5"/>
      <c r="G198" s="14"/>
      <c r="H198" s="5"/>
      <c r="I198" s="6"/>
    </row>
    <row r="199" spans="1:9" ht="15.75" customHeight="1" x14ac:dyDescent="0.2">
      <c r="A199" s="4"/>
      <c r="B199" s="41"/>
      <c r="C199" s="18" t="s">
        <v>2</v>
      </c>
      <c r="D199" s="14"/>
      <c r="E199" s="5"/>
      <c r="F199" s="5"/>
      <c r="G199" s="14"/>
      <c r="H199" s="5"/>
      <c r="I199" s="6"/>
    </row>
    <row r="200" spans="1:9" ht="15.75" customHeight="1" x14ac:dyDescent="0.2">
      <c r="A200" s="47" t="s">
        <v>80</v>
      </c>
      <c r="B200" s="39"/>
      <c r="C200" s="17" t="s">
        <v>3</v>
      </c>
      <c r="D200" s="14">
        <v>1842</v>
      </c>
      <c r="E200" s="5">
        <v>1761</v>
      </c>
      <c r="F200" s="5"/>
      <c r="G200" s="14"/>
      <c r="H200" s="5"/>
      <c r="I200" s="6"/>
    </row>
    <row r="201" spans="1:9" ht="15.75" customHeight="1" x14ac:dyDescent="0.2">
      <c r="A201" s="45"/>
      <c r="B201" s="40"/>
      <c r="C201" s="17" t="s">
        <v>1</v>
      </c>
      <c r="D201" s="14">
        <v>13417</v>
      </c>
      <c r="E201" s="5">
        <v>13498</v>
      </c>
      <c r="F201" s="5"/>
      <c r="G201" s="14"/>
      <c r="H201" s="5"/>
      <c r="I201" s="6"/>
    </row>
    <row r="202" spans="1:9" ht="15.75" customHeight="1" x14ac:dyDescent="0.2">
      <c r="A202" s="46"/>
      <c r="B202" s="41"/>
      <c r="C202" s="18" t="s">
        <v>2</v>
      </c>
      <c r="D202" s="14"/>
      <c r="E202" s="5"/>
      <c r="F202" s="5"/>
      <c r="G202" s="14"/>
      <c r="H202" s="5"/>
      <c r="I202" s="6"/>
    </row>
    <row r="203" spans="1:9" ht="15.75" customHeight="1" x14ac:dyDescent="0.2">
      <c r="A203" s="10"/>
      <c r="B203" s="39" t="s">
        <v>81</v>
      </c>
      <c r="C203" s="17" t="s">
        <v>3</v>
      </c>
      <c r="D203" s="14">
        <v>1684</v>
      </c>
      <c r="E203" s="5">
        <v>1614</v>
      </c>
      <c r="F203" s="5"/>
      <c r="G203" s="14"/>
      <c r="H203" s="5"/>
      <c r="I203" s="6"/>
    </row>
    <row r="204" spans="1:9" ht="15.75" customHeight="1" x14ac:dyDescent="0.2">
      <c r="A204" s="10"/>
      <c r="B204" s="40"/>
      <c r="C204" s="17" t="s">
        <v>1</v>
      </c>
      <c r="D204" s="14">
        <v>12306</v>
      </c>
      <c r="E204" s="5">
        <v>12376</v>
      </c>
      <c r="F204" s="5"/>
      <c r="G204" s="14"/>
      <c r="H204" s="5"/>
      <c r="I204" s="6"/>
    </row>
    <row r="205" spans="1:9" ht="15.75" customHeight="1" x14ac:dyDescent="0.2">
      <c r="A205" s="4"/>
      <c r="B205" s="41"/>
      <c r="C205" s="18" t="s">
        <v>4</v>
      </c>
      <c r="D205" s="14"/>
      <c r="E205" s="5"/>
      <c r="F205" s="5"/>
      <c r="G205" s="14"/>
      <c r="H205" s="5"/>
      <c r="I205" s="6"/>
    </row>
    <row r="206" spans="1:9" ht="15.75" customHeight="1" x14ac:dyDescent="0.2">
      <c r="A206" s="9"/>
      <c r="B206" s="39" t="s">
        <v>82</v>
      </c>
      <c r="C206" s="17" t="s">
        <v>3</v>
      </c>
      <c r="D206" s="15">
        <v>158</v>
      </c>
      <c r="E206" s="15">
        <v>147</v>
      </c>
      <c r="F206" s="15"/>
      <c r="G206" s="15"/>
      <c r="H206" s="15"/>
      <c r="I206" s="20"/>
    </row>
    <row r="207" spans="1:9" ht="15.75" customHeight="1" x14ac:dyDescent="0.2">
      <c r="A207" s="9"/>
      <c r="B207" s="40"/>
      <c r="C207" s="17" t="s">
        <v>1</v>
      </c>
      <c r="D207" s="15">
        <v>1111</v>
      </c>
      <c r="E207" s="15">
        <v>1122</v>
      </c>
      <c r="F207" s="15"/>
      <c r="G207" s="15"/>
      <c r="H207" s="15"/>
      <c r="I207" s="20"/>
    </row>
    <row r="208" spans="1:9" ht="15.75" customHeight="1" thickBot="1" x14ac:dyDescent="0.25">
      <c r="A208" s="7"/>
      <c r="B208" s="42"/>
      <c r="C208" s="24" t="s">
        <v>4</v>
      </c>
      <c r="D208" s="25"/>
      <c r="E208" s="25"/>
      <c r="F208" s="25"/>
      <c r="G208" s="25"/>
      <c r="H208" s="25"/>
      <c r="I208" s="26"/>
    </row>
    <row r="209" spans="1:9" ht="15.75" customHeight="1" thickTop="1" x14ac:dyDescent="0.2">
      <c r="A209" s="43" t="s">
        <v>83</v>
      </c>
      <c r="B209" s="44"/>
      <c r="C209" s="23" t="s">
        <v>3</v>
      </c>
      <c r="D209" s="5">
        <v>451610</v>
      </c>
      <c r="E209" s="5">
        <v>441597</v>
      </c>
      <c r="F209" s="5"/>
      <c r="G209" s="5"/>
      <c r="H209" s="5"/>
      <c r="I209" s="6"/>
    </row>
    <row r="210" spans="1:9" ht="15.75" customHeight="1" x14ac:dyDescent="0.2">
      <c r="A210" s="45"/>
      <c r="B210" s="40"/>
      <c r="C210" s="17" t="s">
        <v>1</v>
      </c>
      <c r="D210" s="15">
        <v>2220869</v>
      </c>
      <c r="E210" s="15">
        <v>2230882</v>
      </c>
      <c r="F210" s="15"/>
      <c r="G210" s="15"/>
      <c r="H210" s="15"/>
      <c r="I210" s="20"/>
    </row>
    <row r="211" spans="1:9" ht="15.75" customHeight="1" x14ac:dyDescent="0.2">
      <c r="A211" s="46"/>
      <c r="B211" s="41"/>
      <c r="C211" s="18" t="s">
        <v>4</v>
      </c>
      <c r="D211" s="15"/>
      <c r="E211" s="15"/>
      <c r="F211" s="15"/>
      <c r="G211" s="15"/>
      <c r="H211" s="15"/>
      <c r="I211" s="20"/>
    </row>
    <row r="212" spans="1:9" ht="15.75" customHeight="1" x14ac:dyDescent="0.2">
      <c r="A212" s="47" t="s">
        <v>84</v>
      </c>
      <c r="B212" s="39"/>
      <c r="C212" s="18" t="s">
        <v>3</v>
      </c>
      <c r="D212" s="14">
        <v>203250</v>
      </c>
      <c r="E212" s="5">
        <v>197480</v>
      </c>
      <c r="F212" s="5"/>
      <c r="G212" s="14"/>
      <c r="H212" s="5"/>
      <c r="I212" s="6"/>
    </row>
    <row r="213" spans="1:9" ht="15.75" customHeight="1" x14ac:dyDescent="0.2">
      <c r="A213" s="45"/>
      <c r="B213" s="40"/>
      <c r="C213" s="17" t="s">
        <v>1</v>
      </c>
      <c r="D213" s="14">
        <v>1064610</v>
      </c>
      <c r="E213" s="5">
        <v>1070383</v>
      </c>
      <c r="F213" s="5"/>
      <c r="G213" s="14"/>
      <c r="H213" s="5"/>
      <c r="I213" s="6"/>
    </row>
    <row r="214" spans="1:9" ht="15.75" customHeight="1" x14ac:dyDescent="0.2">
      <c r="A214" s="46"/>
      <c r="B214" s="41"/>
      <c r="C214" s="18" t="s">
        <v>4</v>
      </c>
      <c r="D214" s="14">
        <v>5</v>
      </c>
      <c r="E214" s="5">
        <v>2</v>
      </c>
      <c r="F214" s="5"/>
      <c r="G214" s="14"/>
      <c r="H214" s="5"/>
      <c r="I214" s="6"/>
    </row>
    <row r="215" spans="1:9" ht="15.75" customHeight="1" x14ac:dyDescent="0.2">
      <c r="A215" s="47" t="s">
        <v>85</v>
      </c>
      <c r="B215" s="39"/>
      <c r="C215" s="18" t="s">
        <v>3</v>
      </c>
      <c r="D215" s="14">
        <v>17156</v>
      </c>
      <c r="E215" s="5">
        <v>16574</v>
      </c>
      <c r="F215" s="5"/>
      <c r="G215" s="14"/>
      <c r="H215" s="5"/>
      <c r="I215" s="6"/>
    </row>
    <row r="216" spans="1:9" ht="15.75" customHeight="1" x14ac:dyDescent="0.2">
      <c r="A216" s="45"/>
      <c r="B216" s="40"/>
      <c r="C216" s="17" t="s">
        <v>1</v>
      </c>
      <c r="D216" s="14">
        <v>103454</v>
      </c>
      <c r="E216" s="5">
        <v>104036</v>
      </c>
      <c r="F216" s="5"/>
      <c r="G216" s="14"/>
      <c r="H216" s="5"/>
      <c r="I216" s="6"/>
    </row>
    <row r="217" spans="1:9" ht="15.75" customHeight="1" x14ac:dyDescent="0.2">
      <c r="A217" s="46"/>
      <c r="B217" s="41"/>
      <c r="C217" s="18" t="s">
        <v>4</v>
      </c>
      <c r="D217" s="14"/>
      <c r="E217" s="5"/>
      <c r="F217" s="5"/>
      <c r="G217" s="14"/>
      <c r="H217" s="5"/>
      <c r="I217" s="6"/>
    </row>
    <row r="218" spans="1:9" ht="15.75" customHeight="1" x14ac:dyDescent="0.2">
      <c r="A218" s="47" t="s">
        <v>86</v>
      </c>
      <c r="B218" s="39"/>
      <c r="C218" s="18" t="s">
        <v>3</v>
      </c>
      <c r="D218" s="15">
        <v>672016</v>
      </c>
      <c r="E218" s="15">
        <v>655651</v>
      </c>
      <c r="F218" s="15"/>
      <c r="G218" s="15"/>
      <c r="H218" s="15"/>
      <c r="I218" s="20"/>
    </row>
    <row r="219" spans="1:9" ht="15.75" customHeight="1" x14ac:dyDescent="0.2">
      <c r="A219" s="45"/>
      <c r="B219" s="40"/>
      <c r="C219" s="17" t="s">
        <v>1</v>
      </c>
      <c r="D219" s="15">
        <v>3388933</v>
      </c>
      <c r="E219" s="15">
        <v>3405301</v>
      </c>
      <c r="F219" s="15"/>
      <c r="G219" s="15"/>
      <c r="H219" s="15"/>
      <c r="I219" s="20"/>
    </row>
    <row r="220" spans="1:9" ht="15.75" customHeight="1" thickBot="1" x14ac:dyDescent="0.25">
      <c r="A220" s="48"/>
      <c r="B220" s="49"/>
      <c r="C220" s="27" t="s">
        <v>4</v>
      </c>
      <c r="D220" s="28">
        <v>5</v>
      </c>
      <c r="E220" s="28">
        <v>2</v>
      </c>
      <c r="F220" s="28"/>
      <c r="G220" s="28"/>
      <c r="H220" s="28"/>
      <c r="I220" s="29"/>
    </row>
    <row r="221" spans="1:9" x14ac:dyDescent="0.2">
      <c r="F221" s="16"/>
    </row>
    <row r="222" spans="1:9" x14ac:dyDescent="0.2">
      <c r="F222" s="16"/>
    </row>
    <row r="223" spans="1:9" x14ac:dyDescent="0.2">
      <c r="F223" s="16"/>
    </row>
    <row r="224" spans="1:9" x14ac:dyDescent="0.2">
      <c r="F224" s="16"/>
    </row>
    <row r="225" spans="6:6" x14ac:dyDescent="0.2">
      <c r="F225" s="16"/>
    </row>
    <row r="226" spans="6:6" x14ac:dyDescent="0.2">
      <c r="F226" s="16"/>
    </row>
    <row r="227" spans="6:6" x14ac:dyDescent="0.2">
      <c r="F227" s="16"/>
    </row>
    <row r="228" spans="6:6" x14ac:dyDescent="0.2">
      <c r="F228" s="16"/>
    </row>
    <row r="229" spans="6:6" x14ac:dyDescent="0.2">
      <c r="F229" s="16"/>
    </row>
    <row r="230" spans="6:6" x14ac:dyDescent="0.2">
      <c r="F230" s="16"/>
    </row>
    <row r="231" spans="6:6" x14ac:dyDescent="0.2">
      <c r="F231" s="16"/>
    </row>
    <row r="232" spans="6:6" x14ac:dyDescent="0.2">
      <c r="F232" s="16"/>
    </row>
    <row r="233" spans="6:6" x14ac:dyDescent="0.2">
      <c r="F233" s="16"/>
    </row>
    <row r="234" spans="6:6" x14ac:dyDescent="0.2">
      <c r="F234" s="16"/>
    </row>
    <row r="235" spans="6:6" x14ac:dyDescent="0.2">
      <c r="F235" s="16"/>
    </row>
    <row r="236" spans="6:6" x14ac:dyDescent="0.2">
      <c r="F236" s="16"/>
    </row>
    <row r="237" spans="6:6" x14ac:dyDescent="0.2">
      <c r="F237" s="16"/>
    </row>
    <row r="238" spans="6:6" x14ac:dyDescent="0.2">
      <c r="F238" s="16"/>
    </row>
  </sheetData>
  <mergeCells count="81">
    <mergeCell ref="A4:B4"/>
    <mergeCell ref="H3:I3"/>
    <mergeCell ref="A5:C6"/>
    <mergeCell ref="D5:D6"/>
    <mergeCell ref="E5:E6"/>
    <mergeCell ref="F5:F6"/>
    <mergeCell ref="G5:G6"/>
    <mergeCell ref="H5:H6"/>
    <mergeCell ref="I5:I6"/>
    <mergeCell ref="A104:B106"/>
    <mergeCell ref="A107:B109"/>
    <mergeCell ref="A110:B112"/>
    <mergeCell ref="A113:B115"/>
    <mergeCell ref="A8:B10"/>
    <mergeCell ref="B11:B13"/>
    <mergeCell ref="B14:B16"/>
    <mergeCell ref="B17:B19"/>
    <mergeCell ref="B20:B22"/>
    <mergeCell ref="B23:B25"/>
    <mergeCell ref="B26:B28"/>
    <mergeCell ref="B29:B31"/>
    <mergeCell ref="B32:B34"/>
    <mergeCell ref="B35:B37"/>
    <mergeCell ref="B38:B40"/>
    <mergeCell ref="B41:B43"/>
    <mergeCell ref="A116:B118"/>
    <mergeCell ref="A119:B121"/>
    <mergeCell ref="A122:B124"/>
    <mergeCell ref="A125:B127"/>
    <mergeCell ref="A128:B130"/>
    <mergeCell ref="A131:B133"/>
    <mergeCell ref="A134:B136"/>
    <mergeCell ref="A137:B139"/>
    <mergeCell ref="A140:B142"/>
    <mergeCell ref="A143:B145"/>
    <mergeCell ref="A218:B220"/>
    <mergeCell ref="A146:B148"/>
    <mergeCell ref="A149:B151"/>
    <mergeCell ref="B152:B154"/>
    <mergeCell ref="A155:B157"/>
    <mergeCell ref="B158:B160"/>
    <mergeCell ref="A161:B163"/>
    <mergeCell ref="B164:B166"/>
    <mergeCell ref="B167:B169"/>
    <mergeCell ref="A170:B172"/>
    <mergeCell ref="A215:B217"/>
    <mergeCell ref="A188:B190"/>
    <mergeCell ref="B191:B193"/>
    <mergeCell ref="B194:B196"/>
    <mergeCell ref="B197:B199"/>
    <mergeCell ref="A200:B202"/>
    <mergeCell ref="B44:B46"/>
    <mergeCell ref="B47:B49"/>
    <mergeCell ref="B50:B52"/>
    <mergeCell ref="B53:B55"/>
    <mergeCell ref="B56:B58"/>
    <mergeCell ref="B77:B79"/>
    <mergeCell ref="B80:B82"/>
    <mergeCell ref="B83:B85"/>
    <mergeCell ref="B86:B88"/>
    <mergeCell ref="B59:B61"/>
    <mergeCell ref="B62:B64"/>
    <mergeCell ref="A65:B67"/>
    <mergeCell ref="B68:B70"/>
    <mergeCell ref="B71:B73"/>
    <mergeCell ref="E2:I2"/>
    <mergeCell ref="B203:B205"/>
    <mergeCell ref="B206:B208"/>
    <mergeCell ref="A209:B211"/>
    <mergeCell ref="A212:B214"/>
    <mergeCell ref="B173:B175"/>
    <mergeCell ref="B176:B178"/>
    <mergeCell ref="B179:B181"/>
    <mergeCell ref="B182:B184"/>
    <mergeCell ref="B185:B187"/>
    <mergeCell ref="A89:B91"/>
    <mergeCell ref="B92:B94"/>
    <mergeCell ref="B95:B97"/>
    <mergeCell ref="B98:B100"/>
    <mergeCell ref="A101:B103"/>
    <mergeCell ref="B74:B76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scale="92" fitToHeight="0" orientation="landscape" r:id="rId1"/>
  <headerFooter alignWithMargins="0">
    <oddFooter xml:space="preserve">&amp;C&amp;"IPAmj明朝,標準"&amp;9
</oddFooter>
  </headerFooter>
  <rowBreaks count="7" manualBreakCount="7">
    <brk id="34" max="9" man="1"/>
    <brk id="61" max="9" man="1"/>
    <brk id="88" max="9" man="1"/>
    <brk id="115" max="9" man="1"/>
    <brk id="142" max="9" man="1"/>
    <brk id="169" max="9" man="1"/>
    <brk id="19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内訳</vt:lpstr>
      <vt:lpstr>内訳!Print_Area</vt:lpstr>
      <vt:lpstr>内訳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6-01-14T10:15:24Z</cp:lastPrinted>
  <dcterms:created xsi:type="dcterms:W3CDTF">2023-04-17T21:08:26Z</dcterms:created>
  <dcterms:modified xsi:type="dcterms:W3CDTF">2026-02-08T18:07:01Z</dcterms:modified>
</cp:coreProperties>
</file>